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8541DFC" w14:textId="2169AB04" w:rsidR="00536791" w:rsidRDefault="008279AF" w:rsidP="00536791">
      <w:pPr>
        <w:jc w:val="center"/>
        <w:rPr>
          <w:b/>
          <w:bCs/>
        </w:rPr>
      </w:pPr>
      <w:r>
        <w:rPr>
          <w:b/>
          <w:bCs/>
        </w:rPr>
        <w:t>Equal Opportunities Monitoring Form</w:t>
      </w:r>
    </w:p>
    <w:p w14:paraId="6C212918" w14:textId="77777777" w:rsidR="008279AF" w:rsidRPr="00536791" w:rsidRDefault="008279AF" w:rsidP="008279AF">
      <w:pPr>
        <w:pStyle w:val="NoSpacing"/>
      </w:pPr>
    </w:p>
    <w:p w14:paraId="4F327E4C" w14:textId="77777777" w:rsidR="008279AF" w:rsidRDefault="008279AF" w:rsidP="008279AF">
      <w:r>
        <w:t>At Muckle LLP we are committed to</w:t>
      </w:r>
      <w:r w:rsidRPr="00144B7A">
        <w:t xml:space="preserve"> ensuring that all job applicants and members of staff are treated equally, without discrimination because of gender, sexual orientation, marital or civil partner status, pregnancy or maternity, gender reassignment, race, colour, nationality, ethnic or national origin, religion or belief, </w:t>
      </w:r>
      <w:proofErr w:type="gramStart"/>
      <w:r w:rsidRPr="00144B7A">
        <w:t>disability</w:t>
      </w:r>
      <w:proofErr w:type="gramEnd"/>
      <w:r w:rsidRPr="00144B7A">
        <w:t xml:space="preserve"> or age. This form is intended to help us maintain equal opportunities best practice and identify and address barriers to workforce diversity, </w:t>
      </w:r>
      <w:proofErr w:type="gramStart"/>
      <w:r w:rsidRPr="00144B7A">
        <w:t>equity</w:t>
      </w:r>
      <w:proofErr w:type="gramEnd"/>
      <w:r w:rsidRPr="00144B7A">
        <w:t xml:space="preserve"> and inclusion.</w:t>
      </w:r>
    </w:p>
    <w:p w14:paraId="5F23F7C2" w14:textId="77777777" w:rsidR="008279AF" w:rsidRDefault="008279AF" w:rsidP="008279AF">
      <w:r w:rsidRPr="00144B7A">
        <w:t>The form will be separated from your application on receipt and the information will be anonymised. The information on this form will be used for monitoring purposes only and will play no part in the recruitment process.</w:t>
      </w:r>
    </w:p>
    <w:p w14:paraId="74E6C214" w14:textId="556B4312" w:rsidR="00C87C9B" w:rsidRPr="00C87C9B" w:rsidRDefault="00C87C9B" w:rsidP="008279AF">
      <w:pPr>
        <w:rPr>
          <w:b/>
          <w:bCs/>
        </w:rPr>
      </w:pPr>
      <w:r w:rsidRPr="00C87C9B">
        <w:rPr>
          <w:b/>
          <w:bCs/>
        </w:rPr>
        <w:t xml:space="preserve">Name: </w:t>
      </w:r>
    </w:p>
    <w:p w14:paraId="01E4B8A1" w14:textId="77777777" w:rsidR="008279AF" w:rsidRPr="00CB18A4" w:rsidRDefault="008279AF" w:rsidP="008279AF">
      <w:pPr>
        <w:rPr>
          <w:b/>
          <w:bCs/>
        </w:rPr>
      </w:pPr>
      <w:r w:rsidRPr="00CB18A4">
        <w:rPr>
          <w:b/>
          <w:bCs/>
        </w:rPr>
        <w:t>Gender</w:t>
      </w:r>
    </w:p>
    <w:p w14:paraId="3E8BA239" w14:textId="77777777" w:rsidR="008279AF" w:rsidRDefault="008279AF" w:rsidP="008279AF">
      <w:r>
        <w:t>What is your gender (please tick)?</w:t>
      </w:r>
    </w:p>
    <w:p w14:paraId="0DDB4538" w14:textId="77777777" w:rsidR="008279AF" w:rsidRDefault="008279AF" w:rsidP="008279AF">
      <w:pPr>
        <w:pStyle w:val="ListParagraph"/>
        <w:numPr>
          <w:ilvl w:val="0"/>
          <w:numId w:val="15"/>
        </w:numPr>
      </w:pPr>
      <w:r>
        <w:t>Male</w:t>
      </w:r>
      <w:r>
        <w:tab/>
      </w:r>
    </w:p>
    <w:p w14:paraId="2FFB3E07" w14:textId="77777777" w:rsidR="008279AF" w:rsidRDefault="008279AF" w:rsidP="008279AF">
      <w:pPr>
        <w:pStyle w:val="ListParagraph"/>
        <w:numPr>
          <w:ilvl w:val="0"/>
          <w:numId w:val="15"/>
        </w:numPr>
      </w:pPr>
      <w:r>
        <w:t>Female</w:t>
      </w:r>
      <w:r>
        <w:tab/>
      </w:r>
    </w:p>
    <w:p w14:paraId="54874D5C" w14:textId="77777777" w:rsidR="008279AF" w:rsidRDefault="008279AF" w:rsidP="008279AF">
      <w:pPr>
        <w:pStyle w:val="ListParagraph"/>
        <w:numPr>
          <w:ilvl w:val="0"/>
          <w:numId w:val="15"/>
        </w:numPr>
      </w:pPr>
      <w:r>
        <w:t xml:space="preserve">Prefer not to </w:t>
      </w:r>
      <w:proofErr w:type="gramStart"/>
      <w:r>
        <w:t>say</w:t>
      </w:r>
      <w:proofErr w:type="gramEnd"/>
      <w:r>
        <w:t xml:space="preserve"> </w:t>
      </w:r>
    </w:p>
    <w:p w14:paraId="65AFB2D0" w14:textId="77777777" w:rsidR="008279AF" w:rsidRPr="00C7616A" w:rsidRDefault="008279AF" w:rsidP="008279AF">
      <w:pPr>
        <w:rPr>
          <w:color w:val="000000" w:themeColor="text1"/>
        </w:rPr>
      </w:pPr>
      <w:r w:rsidRPr="00C7616A">
        <w:rPr>
          <w:color w:val="000000" w:themeColor="text1"/>
        </w:rPr>
        <w:t>(If you are undergoing gender reassignment, please use the gender you identify with.)</w:t>
      </w:r>
    </w:p>
    <w:p w14:paraId="206BC116" w14:textId="77777777" w:rsidR="008279AF" w:rsidRPr="00C7616A" w:rsidRDefault="008279AF" w:rsidP="008279AF">
      <w:pPr>
        <w:rPr>
          <w:b/>
          <w:bCs/>
          <w:color w:val="000000" w:themeColor="text1"/>
        </w:rPr>
      </w:pPr>
      <w:r w:rsidRPr="00C7616A">
        <w:rPr>
          <w:b/>
          <w:bCs/>
          <w:color w:val="000000" w:themeColor="text1"/>
        </w:rPr>
        <w:t>Gender identity</w:t>
      </w:r>
    </w:p>
    <w:p w14:paraId="15D28B62" w14:textId="43CC3A65" w:rsidR="000A15DF" w:rsidRPr="00C7616A" w:rsidRDefault="000A15DF" w:rsidP="000A15DF">
      <w:pPr>
        <w:rPr>
          <w:color w:val="000000" w:themeColor="text1"/>
        </w:rPr>
      </w:pPr>
      <w:r w:rsidRPr="00C7616A">
        <w:rPr>
          <w:color w:val="000000" w:themeColor="text1"/>
        </w:rPr>
        <w:t>How would you describe your gender identity (please tick)?</w:t>
      </w:r>
    </w:p>
    <w:p w14:paraId="64E7BD2E" w14:textId="6DFDBF94" w:rsidR="000A15DF" w:rsidRPr="00C7616A" w:rsidRDefault="000A15DF" w:rsidP="000A15DF">
      <w:pPr>
        <w:pStyle w:val="ListParagraph"/>
        <w:numPr>
          <w:ilvl w:val="0"/>
          <w:numId w:val="19"/>
        </w:numPr>
        <w:rPr>
          <w:color w:val="000000" w:themeColor="text1"/>
        </w:rPr>
      </w:pPr>
      <w:r w:rsidRPr="00C7616A">
        <w:rPr>
          <w:color w:val="000000" w:themeColor="text1"/>
        </w:rPr>
        <w:t>Cisgender female</w:t>
      </w:r>
    </w:p>
    <w:p w14:paraId="5EE8D9AD" w14:textId="1C6A57DC" w:rsidR="000A15DF" w:rsidRPr="00C7616A" w:rsidRDefault="000A15DF" w:rsidP="000A15DF">
      <w:pPr>
        <w:pStyle w:val="ListParagraph"/>
        <w:numPr>
          <w:ilvl w:val="0"/>
          <w:numId w:val="19"/>
        </w:numPr>
        <w:rPr>
          <w:color w:val="000000" w:themeColor="text1"/>
        </w:rPr>
      </w:pPr>
      <w:r w:rsidRPr="00C7616A">
        <w:rPr>
          <w:color w:val="000000" w:themeColor="text1"/>
        </w:rPr>
        <w:t>Cisgender male</w:t>
      </w:r>
    </w:p>
    <w:p w14:paraId="7D6F817B" w14:textId="13D5E1A9" w:rsidR="000A15DF" w:rsidRPr="00C7616A" w:rsidRDefault="000A15DF" w:rsidP="000A15DF">
      <w:pPr>
        <w:pStyle w:val="ListParagraph"/>
        <w:numPr>
          <w:ilvl w:val="0"/>
          <w:numId w:val="19"/>
        </w:numPr>
        <w:rPr>
          <w:color w:val="000000" w:themeColor="text1"/>
        </w:rPr>
      </w:pPr>
      <w:r w:rsidRPr="00C7616A">
        <w:rPr>
          <w:color w:val="000000" w:themeColor="text1"/>
        </w:rPr>
        <w:t>Genderfluid</w:t>
      </w:r>
    </w:p>
    <w:p w14:paraId="462ECEDD" w14:textId="78D22C39" w:rsidR="000A15DF" w:rsidRPr="00C7616A" w:rsidRDefault="000A15DF" w:rsidP="000A15DF">
      <w:pPr>
        <w:pStyle w:val="ListParagraph"/>
        <w:numPr>
          <w:ilvl w:val="0"/>
          <w:numId w:val="19"/>
        </w:numPr>
        <w:rPr>
          <w:color w:val="000000" w:themeColor="text1"/>
        </w:rPr>
      </w:pPr>
      <w:r w:rsidRPr="00C7616A">
        <w:rPr>
          <w:color w:val="000000" w:themeColor="text1"/>
        </w:rPr>
        <w:t>Non-binary</w:t>
      </w:r>
    </w:p>
    <w:p w14:paraId="28AFFF29" w14:textId="186642B5" w:rsidR="000A15DF" w:rsidRPr="00C7616A" w:rsidRDefault="000A15DF" w:rsidP="000A15DF">
      <w:pPr>
        <w:pStyle w:val="ListParagraph"/>
        <w:numPr>
          <w:ilvl w:val="0"/>
          <w:numId w:val="19"/>
        </w:numPr>
        <w:rPr>
          <w:color w:val="000000" w:themeColor="text1"/>
        </w:rPr>
      </w:pPr>
      <w:r w:rsidRPr="00C7616A">
        <w:rPr>
          <w:color w:val="000000" w:themeColor="text1"/>
        </w:rPr>
        <w:t>Trans (male)</w:t>
      </w:r>
    </w:p>
    <w:p w14:paraId="4B698DFD" w14:textId="346F07D1" w:rsidR="000A15DF" w:rsidRPr="00C7616A" w:rsidRDefault="000A15DF" w:rsidP="000A15DF">
      <w:pPr>
        <w:pStyle w:val="ListParagraph"/>
        <w:numPr>
          <w:ilvl w:val="0"/>
          <w:numId w:val="19"/>
        </w:numPr>
        <w:rPr>
          <w:color w:val="000000" w:themeColor="text1"/>
        </w:rPr>
      </w:pPr>
      <w:r w:rsidRPr="00C7616A">
        <w:rPr>
          <w:color w:val="000000" w:themeColor="text1"/>
        </w:rPr>
        <w:t>Trans (female)</w:t>
      </w:r>
    </w:p>
    <w:p w14:paraId="461C31AE" w14:textId="79C14268" w:rsidR="000A15DF" w:rsidRPr="00C7616A" w:rsidRDefault="000A15DF" w:rsidP="000A15DF">
      <w:pPr>
        <w:pStyle w:val="ListParagraph"/>
        <w:numPr>
          <w:ilvl w:val="0"/>
          <w:numId w:val="19"/>
        </w:numPr>
        <w:rPr>
          <w:color w:val="000000" w:themeColor="text1"/>
        </w:rPr>
      </w:pPr>
      <w:r w:rsidRPr="00C7616A">
        <w:rPr>
          <w:color w:val="000000" w:themeColor="text1"/>
        </w:rPr>
        <w:t>Trans (</w:t>
      </w:r>
      <w:proofErr w:type="spellStart"/>
      <w:proofErr w:type="gramStart"/>
      <w:r w:rsidRPr="00C7616A">
        <w:rPr>
          <w:color w:val="000000" w:themeColor="text1"/>
        </w:rPr>
        <w:t>non binary</w:t>
      </w:r>
      <w:proofErr w:type="spellEnd"/>
      <w:proofErr w:type="gramEnd"/>
      <w:r w:rsidRPr="00C7616A">
        <w:rPr>
          <w:color w:val="000000" w:themeColor="text1"/>
        </w:rPr>
        <w:t>)</w:t>
      </w:r>
    </w:p>
    <w:p w14:paraId="29E83816" w14:textId="1D9FC4B5" w:rsidR="000A15DF" w:rsidRPr="00C7616A" w:rsidRDefault="000A15DF" w:rsidP="000A15DF">
      <w:pPr>
        <w:pStyle w:val="ListParagraph"/>
        <w:numPr>
          <w:ilvl w:val="0"/>
          <w:numId w:val="19"/>
        </w:numPr>
        <w:rPr>
          <w:color w:val="000000" w:themeColor="text1"/>
        </w:rPr>
      </w:pPr>
      <w:r w:rsidRPr="00C7616A">
        <w:rPr>
          <w:color w:val="000000" w:themeColor="text1"/>
        </w:rPr>
        <w:t>Intersex</w:t>
      </w:r>
    </w:p>
    <w:p w14:paraId="5868218A" w14:textId="73B64B0F" w:rsidR="000A15DF" w:rsidRPr="00C7616A" w:rsidRDefault="000A15DF" w:rsidP="000A15DF">
      <w:pPr>
        <w:pStyle w:val="ListParagraph"/>
        <w:numPr>
          <w:ilvl w:val="0"/>
          <w:numId w:val="19"/>
        </w:numPr>
        <w:rPr>
          <w:color w:val="000000" w:themeColor="text1"/>
        </w:rPr>
      </w:pPr>
      <w:r w:rsidRPr="00C7616A">
        <w:rPr>
          <w:color w:val="000000" w:themeColor="text1"/>
        </w:rPr>
        <w:t>Other………………….</w:t>
      </w:r>
    </w:p>
    <w:p w14:paraId="150E5B13" w14:textId="65FAEE5A" w:rsidR="000A15DF" w:rsidRPr="00C7616A" w:rsidRDefault="000A15DF" w:rsidP="000A15DF">
      <w:pPr>
        <w:pStyle w:val="ListParagraph"/>
        <w:numPr>
          <w:ilvl w:val="0"/>
          <w:numId w:val="19"/>
        </w:numPr>
        <w:rPr>
          <w:color w:val="000000" w:themeColor="text1"/>
        </w:rPr>
      </w:pPr>
      <w:r w:rsidRPr="00C7616A">
        <w:rPr>
          <w:color w:val="000000" w:themeColor="text1"/>
        </w:rPr>
        <w:t xml:space="preserve">Prefer not to </w:t>
      </w:r>
      <w:proofErr w:type="gramStart"/>
      <w:r w:rsidRPr="00C7616A">
        <w:rPr>
          <w:color w:val="000000" w:themeColor="text1"/>
        </w:rPr>
        <w:t>say</w:t>
      </w:r>
      <w:proofErr w:type="gramEnd"/>
    </w:p>
    <w:p w14:paraId="1324A948" w14:textId="77777777" w:rsidR="008279AF" w:rsidRPr="00AB34D6" w:rsidRDefault="008279AF" w:rsidP="008279AF">
      <w:pPr>
        <w:rPr>
          <w:b/>
          <w:bCs/>
        </w:rPr>
      </w:pPr>
      <w:r w:rsidRPr="00AB34D6">
        <w:rPr>
          <w:b/>
          <w:bCs/>
        </w:rPr>
        <w:t>Ethnic group</w:t>
      </w:r>
    </w:p>
    <w:p w14:paraId="007EFDC3" w14:textId="77777777" w:rsidR="008279AF" w:rsidRDefault="008279AF" w:rsidP="008279AF">
      <w:r>
        <w:t xml:space="preserve">How would you describe your nationality (please tick)? </w:t>
      </w:r>
    </w:p>
    <w:p w14:paraId="22D9C3B6" w14:textId="77777777" w:rsidR="008279AF" w:rsidRDefault="008279AF" w:rsidP="008279AF">
      <w:pPr>
        <w:pStyle w:val="ListParagraph"/>
        <w:numPr>
          <w:ilvl w:val="0"/>
          <w:numId w:val="17"/>
        </w:numPr>
      </w:pPr>
      <w:r>
        <w:t>British</w:t>
      </w:r>
    </w:p>
    <w:p w14:paraId="1735D47E" w14:textId="77777777" w:rsidR="008279AF" w:rsidRDefault="008279AF" w:rsidP="008279AF">
      <w:pPr>
        <w:pStyle w:val="ListParagraph"/>
        <w:numPr>
          <w:ilvl w:val="0"/>
          <w:numId w:val="17"/>
        </w:numPr>
      </w:pPr>
      <w:r>
        <w:t>English</w:t>
      </w:r>
    </w:p>
    <w:p w14:paraId="0725ADAC" w14:textId="77777777" w:rsidR="008279AF" w:rsidRDefault="008279AF" w:rsidP="008279AF">
      <w:pPr>
        <w:pStyle w:val="ListParagraph"/>
        <w:numPr>
          <w:ilvl w:val="0"/>
          <w:numId w:val="17"/>
        </w:numPr>
      </w:pPr>
      <w:r>
        <w:t>Welsh</w:t>
      </w:r>
    </w:p>
    <w:p w14:paraId="4B844AAE" w14:textId="77777777" w:rsidR="008279AF" w:rsidRDefault="008279AF" w:rsidP="008279AF">
      <w:pPr>
        <w:pStyle w:val="ListParagraph"/>
        <w:numPr>
          <w:ilvl w:val="0"/>
          <w:numId w:val="17"/>
        </w:numPr>
      </w:pPr>
      <w:r>
        <w:t>Scottish</w:t>
      </w:r>
    </w:p>
    <w:p w14:paraId="2D31D755" w14:textId="77777777" w:rsidR="008279AF" w:rsidRDefault="008279AF" w:rsidP="008279AF">
      <w:pPr>
        <w:pStyle w:val="ListParagraph"/>
        <w:numPr>
          <w:ilvl w:val="0"/>
          <w:numId w:val="17"/>
        </w:numPr>
      </w:pPr>
      <w:r>
        <w:t xml:space="preserve">Prefer not to </w:t>
      </w:r>
      <w:proofErr w:type="gramStart"/>
      <w:r>
        <w:t>say</w:t>
      </w:r>
      <w:proofErr w:type="gramEnd"/>
    </w:p>
    <w:p w14:paraId="6C1E9910" w14:textId="77777777" w:rsidR="008279AF" w:rsidRDefault="008279AF" w:rsidP="008279AF">
      <w:pPr>
        <w:pStyle w:val="ListParagraph"/>
        <w:numPr>
          <w:ilvl w:val="0"/>
          <w:numId w:val="17"/>
        </w:numPr>
      </w:pPr>
      <w:r>
        <w:t>Northern Irish</w:t>
      </w:r>
    </w:p>
    <w:p w14:paraId="6CE2FC10" w14:textId="77777777" w:rsidR="008279AF" w:rsidRDefault="008279AF" w:rsidP="008279AF">
      <w:pPr>
        <w:pStyle w:val="ListParagraph"/>
        <w:numPr>
          <w:ilvl w:val="0"/>
          <w:numId w:val="17"/>
        </w:numPr>
      </w:pPr>
      <w:r>
        <w:t>Other (please specify) ……………………………………</w:t>
      </w:r>
    </w:p>
    <w:p w14:paraId="5AECD863" w14:textId="60526EF1" w:rsidR="008279AF" w:rsidRDefault="008279AF" w:rsidP="008279AF">
      <w:r>
        <w:t>How would you describe your ethnicity (please tick)?</w:t>
      </w:r>
    </w:p>
    <w:p w14:paraId="4B36416E" w14:textId="77777777" w:rsidR="008279AF" w:rsidRDefault="008279AF" w:rsidP="008279AF">
      <w:r>
        <w:t>White:</w:t>
      </w:r>
      <w:r w:rsidRPr="0055201C">
        <w:t xml:space="preserve"> </w:t>
      </w:r>
    </w:p>
    <w:p w14:paraId="7B78EF46" w14:textId="77777777" w:rsidR="008279AF" w:rsidRDefault="008279AF" w:rsidP="008279AF">
      <w:pPr>
        <w:pStyle w:val="ListParagraph"/>
        <w:numPr>
          <w:ilvl w:val="0"/>
          <w:numId w:val="5"/>
        </w:numPr>
      </w:pPr>
      <w:r>
        <w:t>English, Welsh, Scottish, Northern Irish or British</w:t>
      </w:r>
    </w:p>
    <w:p w14:paraId="69805A38" w14:textId="77777777" w:rsidR="008279AF" w:rsidRDefault="008279AF" w:rsidP="008279AF">
      <w:pPr>
        <w:pStyle w:val="ListParagraph"/>
        <w:numPr>
          <w:ilvl w:val="0"/>
          <w:numId w:val="5"/>
        </w:numPr>
      </w:pPr>
      <w:r>
        <w:t>Irish</w:t>
      </w:r>
    </w:p>
    <w:p w14:paraId="7C12180B" w14:textId="77777777" w:rsidR="008279AF" w:rsidRDefault="008279AF" w:rsidP="008279AF">
      <w:pPr>
        <w:pStyle w:val="ListParagraph"/>
        <w:numPr>
          <w:ilvl w:val="0"/>
          <w:numId w:val="5"/>
        </w:numPr>
      </w:pPr>
      <w:r>
        <w:t>Gypsy or Irish Traveller</w:t>
      </w:r>
    </w:p>
    <w:p w14:paraId="5D3147F1" w14:textId="77777777" w:rsidR="008279AF" w:rsidRDefault="008279AF" w:rsidP="008279AF">
      <w:pPr>
        <w:pStyle w:val="ListParagraph"/>
        <w:numPr>
          <w:ilvl w:val="0"/>
          <w:numId w:val="5"/>
        </w:numPr>
      </w:pPr>
      <w:r>
        <w:t>Roma</w:t>
      </w:r>
    </w:p>
    <w:p w14:paraId="46A1E2C2" w14:textId="77777777" w:rsidR="008279AF" w:rsidRDefault="008279AF" w:rsidP="008279AF">
      <w:pPr>
        <w:pStyle w:val="ListParagraph"/>
        <w:numPr>
          <w:ilvl w:val="0"/>
          <w:numId w:val="5"/>
        </w:numPr>
      </w:pPr>
      <w:r>
        <w:lastRenderedPageBreak/>
        <w:t>Any other White background</w:t>
      </w:r>
      <w:r>
        <w:tab/>
      </w:r>
    </w:p>
    <w:p w14:paraId="4B851021" w14:textId="77777777" w:rsidR="008279AF" w:rsidRDefault="008279AF" w:rsidP="008279AF">
      <w:r>
        <w:t>Mixed or multiple ethnic groups:</w:t>
      </w:r>
      <w:r>
        <w:tab/>
      </w:r>
    </w:p>
    <w:p w14:paraId="4AC8B228" w14:textId="77777777" w:rsidR="008279AF" w:rsidRDefault="008279AF" w:rsidP="008279AF">
      <w:pPr>
        <w:pStyle w:val="ListParagraph"/>
        <w:numPr>
          <w:ilvl w:val="0"/>
          <w:numId w:val="6"/>
        </w:numPr>
      </w:pPr>
      <w:r>
        <w:t>White and Black Caribbean</w:t>
      </w:r>
    </w:p>
    <w:p w14:paraId="10677F27" w14:textId="77777777" w:rsidR="008279AF" w:rsidRDefault="008279AF" w:rsidP="008279AF">
      <w:pPr>
        <w:pStyle w:val="ListParagraph"/>
        <w:numPr>
          <w:ilvl w:val="0"/>
          <w:numId w:val="6"/>
        </w:numPr>
      </w:pPr>
      <w:r>
        <w:t>White and Black African</w:t>
      </w:r>
    </w:p>
    <w:p w14:paraId="6D85ADBE" w14:textId="77777777" w:rsidR="008279AF" w:rsidRDefault="008279AF" w:rsidP="008279AF">
      <w:pPr>
        <w:pStyle w:val="ListParagraph"/>
        <w:numPr>
          <w:ilvl w:val="0"/>
          <w:numId w:val="6"/>
        </w:numPr>
      </w:pPr>
      <w:r>
        <w:t>White and Asian</w:t>
      </w:r>
    </w:p>
    <w:p w14:paraId="3C67432A" w14:textId="77777777" w:rsidR="008279AF" w:rsidRDefault="008279AF" w:rsidP="008279AF">
      <w:pPr>
        <w:pStyle w:val="ListParagraph"/>
        <w:numPr>
          <w:ilvl w:val="0"/>
          <w:numId w:val="6"/>
        </w:numPr>
      </w:pPr>
      <w:r>
        <w:t>Any other mixed or multiple background</w:t>
      </w:r>
    </w:p>
    <w:p w14:paraId="70AB8A21" w14:textId="77777777" w:rsidR="008279AF" w:rsidRDefault="008279AF" w:rsidP="008279AF">
      <w:r>
        <w:t>Asian or Asian British:</w:t>
      </w:r>
    </w:p>
    <w:p w14:paraId="7FDF01C1" w14:textId="77777777" w:rsidR="008279AF" w:rsidRDefault="008279AF" w:rsidP="008279AF">
      <w:pPr>
        <w:pStyle w:val="ListParagraph"/>
        <w:numPr>
          <w:ilvl w:val="0"/>
          <w:numId w:val="7"/>
        </w:numPr>
      </w:pPr>
      <w:r>
        <w:t>Indian</w:t>
      </w:r>
      <w:r>
        <w:tab/>
      </w:r>
    </w:p>
    <w:p w14:paraId="29534D5D" w14:textId="77777777" w:rsidR="008279AF" w:rsidRDefault="008279AF" w:rsidP="008279AF">
      <w:pPr>
        <w:pStyle w:val="ListParagraph"/>
        <w:numPr>
          <w:ilvl w:val="0"/>
          <w:numId w:val="7"/>
        </w:numPr>
      </w:pPr>
      <w:r>
        <w:t>Pakistani</w:t>
      </w:r>
    </w:p>
    <w:p w14:paraId="7BCBB330" w14:textId="77777777" w:rsidR="008279AF" w:rsidRDefault="008279AF" w:rsidP="008279AF">
      <w:pPr>
        <w:pStyle w:val="ListParagraph"/>
        <w:numPr>
          <w:ilvl w:val="0"/>
          <w:numId w:val="7"/>
        </w:numPr>
      </w:pPr>
      <w:r>
        <w:t>Bangladeshi</w:t>
      </w:r>
    </w:p>
    <w:p w14:paraId="50A62070" w14:textId="77777777" w:rsidR="008279AF" w:rsidRDefault="008279AF" w:rsidP="008279AF">
      <w:pPr>
        <w:pStyle w:val="ListParagraph"/>
        <w:numPr>
          <w:ilvl w:val="0"/>
          <w:numId w:val="7"/>
        </w:numPr>
      </w:pPr>
      <w:r>
        <w:t>Chinese</w:t>
      </w:r>
    </w:p>
    <w:p w14:paraId="10374707" w14:textId="77777777" w:rsidR="008279AF" w:rsidRDefault="008279AF" w:rsidP="008279AF">
      <w:pPr>
        <w:pStyle w:val="ListParagraph"/>
        <w:numPr>
          <w:ilvl w:val="0"/>
          <w:numId w:val="7"/>
        </w:numPr>
      </w:pPr>
      <w:r>
        <w:t>Any other Asian background</w:t>
      </w:r>
    </w:p>
    <w:p w14:paraId="33AC7EF5" w14:textId="77777777" w:rsidR="008279AF" w:rsidRDefault="008279AF" w:rsidP="008279AF">
      <w:r>
        <w:t>Black or Black British:</w:t>
      </w:r>
    </w:p>
    <w:p w14:paraId="7B8F454E" w14:textId="77777777" w:rsidR="008279AF" w:rsidRDefault="008279AF" w:rsidP="008279AF">
      <w:pPr>
        <w:pStyle w:val="ListParagraph"/>
        <w:numPr>
          <w:ilvl w:val="0"/>
          <w:numId w:val="8"/>
        </w:numPr>
      </w:pPr>
      <w:r>
        <w:t>Caribbean</w:t>
      </w:r>
    </w:p>
    <w:p w14:paraId="4262CC67" w14:textId="77777777" w:rsidR="008279AF" w:rsidRDefault="008279AF" w:rsidP="008279AF">
      <w:pPr>
        <w:pStyle w:val="ListParagraph"/>
        <w:numPr>
          <w:ilvl w:val="0"/>
          <w:numId w:val="8"/>
        </w:numPr>
      </w:pPr>
      <w:r>
        <w:t>African</w:t>
      </w:r>
    </w:p>
    <w:p w14:paraId="63486A0D" w14:textId="77777777" w:rsidR="008279AF" w:rsidRDefault="008279AF" w:rsidP="008279AF">
      <w:pPr>
        <w:pStyle w:val="ListParagraph"/>
        <w:numPr>
          <w:ilvl w:val="0"/>
          <w:numId w:val="8"/>
        </w:numPr>
      </w:pPr>
      <w:r>
        <w:t xml:space="preserve">Any other Black, Black </w:t>
      </w:r>
      <w:proofErr w:type="gramStart"/>
      <w:r>
        <w:t>British</w:t>
      </w:r>
      <w:proofErr w:type="gramEnd"/>
      <w:r>
        <w:t xml:space="preserve"> or Caribbean background</w:t>
      </w:r>
    </w:p>
    <w:p w14:paraId="6C195E5F" w14:textId="77777777" w:rsidR="008279AF" w:rsidRDefault="008279AF" w:rsidP="008279AF">
      <w:r>
        <w:t>Other ethnic groups:</w:t>
      </w:r>
    </w:p>
    <w:p w14:paraId="244640B3" w14:textId="77777777" w:rsidR="008279AF" w:rsidRDefault="008279AF" w:rsidP="008279AF">
      <w:pPr>
        <w:pStyle w:val="ListParagraph"/>
        <w:numPr>
          <w:ilvl w:val="0"/>
          <w:numId w:val="9"/>
        </w:numPr>
      </w:pPr>
      <w:r>
        <w:t>Arab</w:t>
      </w:r>
    </w:p>
    <w:p w14:paraId="362CD2F1" w14:textId="77777777" w:rsidR="008279AF" w:rsidRDefault="008279AF" w:rsidP="008279AF">
      <w:pPr>
        <w:pStyle w:val="ListParagraph"/>
        <w:numPr>
          <w:ilvl w:val="0"/>
          <w:numId w:val="9"/>
        </w:numPr>
      </w:pPr>
      <w:r>
        <w:t>Any other ethnic group</w:t>
      </w:r>
    </w:p>
    <w:p w14:paraId="70A53F10" w14:textId="77777777" w:rsidR="008279AF" w:rsidRDefault="008279AF" w:rsidP="008279AF">
      <w:r>
        <w:t xml:space="preserve">Prefer not to </w:t>
      </w:r>
      <w:proofErr w:type="gramStart"/>
      <w:r>
        <w:t>say</w:t>
      </w:r>
      <w:proofErr w:type="gramEnd"/>
      <w:r>
        <w:tab/>
        <w:t xml:space="preserve"> </w:t>
      </w:r>
    </w:p>
    <w:p w14:paraId="0E714F03" w14:textId="77777777" w:rsidR="008279AF" w:rsidRPr="00BE4F39" w:rsidRDefault="008279AF" w:rsidP="008279AF">
      <w:pPr>
        <w:rPr>
          <w:b/>
          <w:bCs/>
        </w:rPr>
      </w:pPr>
      <w:r w:rsidRPr="00BE4F39">
        <w:rPr>
          <w:b/>
          <w:bCs/>
        </w:rPr>
        <w:t>Age</w:t>
      </w:r>
    </w:p>
    <w:p w14:paraId="2BF0E5DB" w14:textId="77777777" w:rsidR="008279AF" w:rsidRDefault="008279AF" w:rsidP="008279AF">
      <w:r>
        <w:t>What is your age (please tick)?</w:t>
      </w:r>
    </w:p>
    <w:p w14:paraId="53AECC23" w14:textId="77777777" w:rsidR="008279AF" w:rsidRDefault="008279AF" w:rsidP="008279AF">
      <w:pPr>
        <w:pStyle w:val="ListParagraph"/>
        <w:numPr>
          <w:ilvl w:val="0"/>
          <w:numId w:val="10"/>
        </w:numPr>
      </w:pPr>
      <w:r>
        <w:t>16–17</w:t>
      </w:r>
      <w:r>
        <w:tab/>
      </w:r>
      <w:r>
        <w:tab/>
      </w:r>
    </w:p>
    <w:p w14:paraId="73DA42CA" w14:textId="77777777" w:rsidR="008279AF" w:rsidRDefault="008279AF" w:rsidP="008279AF">
      <w:pPr>
        <w:pStyle w:val="ListParagraph"/>
        <w:numPr>
          <w:ilvl w:val="0"/>
          <w:numId w:val="10"/>
        </w:numPr>
      </w:pPr>
      <w:r>
        <w:t>18–21</w:t>
      </w:r>
      <w:r>
        <w:tab/>
      </w:r>
      <w:r>
        <w:tab/>
      </w:r>
    </w:p>
    <w:p w14:paraId="174124B0" w14:textId="77777777" w:rsidR="008279AF" w:rsidRDefault="008279AF" w:rsidP="008279AF">
      <w:pPr>
        <w:pStyle w:val="ListParagraph"/>
        <w:numPr>
          <w:ilvl w:val="0"/>
          <w:numId w:val="10"/>
        </w:numPr>
      </w:pPr>
      <w:r>
        <w:t>22–30</w:t>
      </w:r>
      <w:r>
        <w:tab/>
      </w:r>
      <w:r>
        <w:tab/>
      </w:r>
    </w:p>
    <w:p w14:paraId="39293D98" w14:textId="77777777" w:rsidR="008279AF" w:rsidRDefault="008279AF" w:rsidP="008279AF">
      <w:pPr>
        <w:pStyle w:val="ListParagraph"/>
        <w:numPr>
          <w:ilvl w:val="0"/>
          <w:numId w:val="10"/>
        </w:numPr>
      </w:pPr>
      <w:r>
        <w:t>31–40</w:t>
      </w:r>
      <w:r>
        <w:tab/>
      </w:r>
      <w:r>
        <w:tab/>
      </w:r>
    </w:p>
    <w:p w14:paraId="7E2CB8E5" w14:textId="77777777" w:rsidR="008279AF" w:rsidRDefault="008279AF" w:rsidP="008279AF">
      <w:pPr>
        <w:pStyle w:val="ListParagraph"/>
        <w:numPr>
          <w:ilvl w:val="0"/>
          <w:numId w:val="10"/>
        </w:numPr>
      </w:pPr>
      <w:r>
        <w:t>41–50</w:t>
      </w:r>
      <w:r>
        <w:tab/>
      </w:r>
    </w:p>
    <w:p w14:paraId="14BE30BD" w14:textId="77777777" w:rsidR="008279AF" w:rsidRDefault="008279AF" w:rsidP="008279AF">
      <w:pPr>
        <w:pStyle w:val="ListParagraph"/>
        <w:numPr>
          <w:ilvl w:val="0"/>
          <w:numId w:val="10"/>
        </w:numPr>
      </w:pPr>
      <w:r>
        <w:t>51–60</w:t>
      </w:r>
      <w:r>
        <w:tab/>
      </w:r>
      <w:r>
        <w:tab/>
      </w:r>
    </w:p>
    <w:p w14:paraId="5F608CC3" w14:textId="77777777" w:rsidR="008279AF" w:rsidRDefault="008279AF" w:rsidP="008279AF">
      <w:pPr>
        <w:pStyle w:val="ListParagraph"/>
        <w:numPr>
          <w:ilvl w:val="0"/>
          <w:numId w:val="10"/>
        </w:numPr>
      </w:pPr>
      <w:r>
        <w:t>61–65</w:t>
      </w:r>
      <w:r>
        <w:tab/>
      </w:r>
      <w:r>
        <w:tab/>
      </w:r>
    </w:p>
    <w:p w14:paraId="16050755" w14:textId="77777777" w:rsidR="008279AF" w:rsidRDefault="008279AF" w:rsidP="008279AF">
      <w:pPr>
        <w:pStyle w:val="ListParagraph"/>
        <w:numPr>
          <w:ilvl w:val="0"/>
          <w:numId w:val="10"/>
        </w:numPr>
      </w:pPr>
      <w:r>
        <w:t>66–70</w:t>
      </w:r>
      <w:r>
        <w:tab/>
      </w:r>
      <w:r>
        <w:tab/>
      </w:r>
    </w:p>
    <w:p w14:paraId="59F71055" w14:textId="77777777" w:rsidR="008279AF" w:rsidRDefault="008279AF" w:rsidP="008279AF">
      <w:pPr>
        <w:pStyle w:val="ListParagraph"/>
        <w:numPr>
          <w:ilvl w:val="0"/>
          <w:numId w:val="10"/>
        </w:numPr>
      </w:pPr>
      <w:r>
        <w:t>71+</w:t>
      </w:r>
    </w:p>
    <w:p w14:paraId="763A7F84" w14:textId="77777777" w:rsidR="008279AF" w:rsidRDefault="008279AF" w:rsidP="008279AF">
      <w:pPr>
        <w:pStyle w:val="ListParagraph"/>
        <w:numPr>
          <w:ilvl w:val="0"/>
          <w:numId w:val="10"/>
        </w:numPr>
      </w:pPr>
      <w:r>
        <w:t xml:space="preserve">Prefer not to </w:t>
      </w:r>
      <w:proofErr w:type="gramStart"/>
      <w:r>
        <w:t>say</w:t>
      </w:r>
      <w:proofErr w:type="gramEnd"/>
    </w:p>
    <w:p w14:paraId="3D3AE7B6" w14:textId="77777777" w:rsidR="008279AF" w:rsidRPr="00BE4F39" w:rsidRDefault="008279AF" w:rsidP="008279AF">
      <w:pPr>
        <w:rPr>
          <w:b/>
          <w:bCs/>
        </w:rPr>
      </w:pPr>
      <w:r w:rsidRPr="00BE4F39">
        <w:rPr>
          <w:b/>
          <w:bCs/>
        </w:rPr>
        <w:t>Sexual orientation</w:t>
      </w:r>
    </w:p>
    <w:p w14:paraId="17D7F53B" w14:textId="77777777" w:rsidR="008279AF" w:rsidRDefault="008279AF" w:rsidP="008279AF">
      <w:r>
        <w:t>How would you describe your sexual orientation (please tick)?</w:t>
      </w:r>
    </w:p>
    <w:p w14:paraId="52E7902E" w14:textId="77777777" w:rsidR="008279AF" w:rsidRDefault="008279AF" w:rsidP="008279AF">
      <w:pPr>
        <w:pStyle w:val="ListParagraph"/>
        <w:numPr>
          <w:ilvl w:val="0"/>
          <w:numId w:val="11"/>
        </w:numPr>
      </w:pPr>
      <w:r>
        <w:t>Heterosexual / straight</w:t>
      </w:r>
    </w:p>
    <w:p w14:paraId="189313F3" w14:textId="77777777" w:rsidR="008279AF" w:rsidRDefault="008279AF" w:rsidP="008279AF">
      <w:pPr>
        <w:pStyle w:val="ListParagraph"/>
        <w:numPr>
          <w:ilvl w:val="0"/>
          <w:numId w:val="11"/>
        </w:numPr>
      </w:pPr>
      <w:r>
        <w:t>Bisexual</w:t>
      </w:r>
      <w:r>
        <w:tab/>
      </w:r>
    </w:p>
    <w:p w14:paraId="5D70FF95" w14:textId="77777777" w:rsidR="008279AF" w:rsidRDefault="008279AF" w:rsidP="008279AF">
      <w:pPr>
        <w:pStyle w:val="ListParagraph"/>
        <w:numPr>
          <w:ilvl w:val="0"/>
          <w:numId w:val="11"/>
        </w:numPr>
      </w:pPr>
      <w:r>
        <w:t>Asexual</w:t>
      </w:r>
      <w:r>
        <w:tab/>
      </w:r>
    </w:p>
    <w:p w14:paraId="5309DAB5" w14:textId="77777777" w:rsidR="008279AF" w:rsidRDefault="008279AF" w:rsidP="008279AF">
      <w:pPr>
        <w:pStyle w:val="ListParagraph"/>
        <w:numPr>
          <w:ilvl w:val="0"/>
          <w:numId w:val="11"/>
        </w:numPr>
      </w:pPr>
      <w:r>
        <w:t>Gay man</w:t>
      </w:r>
    </w:p>
    <w:p w14:paraId="3C183AF4" w14:textId="77777777" w:rsidR="008279AF" w:rsidRDefault="008279AF" w:rsidP="008279AF">
      <w:pPr>
        <w:pStyle w:val="ListParagraph"/>
        <w:numPr>
          <w:ilvl w:val="0"/>
          <w:numId w:val="11"/>
        </w:numPr>
      </w:pPr>
      <w:r>
        <w:t>Gay woman / lesbian</w:t>
      </w:r>
      <w:r>
        <w:tab/>
      </w:r>
      <w:r>
        <w:tab/>
      </w:r>
      <w:r>
        <w:tab/>
      </w:r>
    </w:p>
    <w:p w14:paraId="089A7D62" w14:textId="77777777" w:rsidR="008279AF" w:rsidRDefault="008279AF" w:rsidP="008279AF">
      <w:pPr>
        <w:pStyle w:val="ListParagraph"/>
        <w:numPr>
          <w:ilvl w:val="0"/>
          <w:numId w:val="11"/>
        </w:numPr>
      </w:pPr>
      <w:r>
        <w:t>Other (please specify) ……………………</w:t>
      </w:r>
      <w:proofErr w:type="gramStart"/>
      <w:r>
        <w:t>…..</w:t>
      </w:r>
      <w:proofErr w:type="gramEnd"/>
      <w:r>
        <w:t xml:space="preserve"> </w:t>
      </w:r>
      <w:r>
        <w:tab/>
      </w:r>
      <w:r>
        <w:tab/>
      </w:r>
    </w:p>
    <w:p w14:paraId="29C8CACE" w14:textId="77777777" w:rsidR="008279AF" w:rsidRDefault="008279AF" w:rsidP="008279AF">
      <w:pPr>
        <w:pStyle w:val="ListParagraph"/>
        <w:numPr>
          <w:ilvl w:val="0"/>
          <w:numId w:val="11"/>
        </w:numPr>
      </w:pPr>
      <w:r>
        <w:t xml:space="preserve">Prefer not to </w:t>
      </w:r>
      <w:proofErr w:type="gramStart"/>
      <w:r>
        <w:t>say</w:t>
      </w:r>
      <w:proofErr w:type="gramEnd"/>
      <w:r>
        <w:tab/>
      </w:r>
      <w:r>
        <w:tab/>
      </w:r>
      <w:r>
        <w:tab/>
      </w:r>
    </w:p>
    <w:p w14:paraId="17190F24" w14:textId="77777777" w:rsidR="008279AF" w:rsidRDefault="008279AF" w:rsidP="008279AF">
      <w:r>
        <w:t xml:space="preserve">Are you open about your sexual orientation? </w:t>
      </w:r>
    </w:p>
    <w:p w14:paraId="37668470" w14:textId="77777777" w:rsidR="008279AF" w:rsidRDefault="008279AF" w:rsidP="008279AF">
      <w:r>
        <w:t xml:space="preserve">Yes: </w:t>
      </w:r>
    </w:p>
    <w:p w14:paraId="72F3848A" w14:textId="77777777" w:rsidR="008279AF" w:rsidRDefault="008279AF" w:rsidP="008279AF">
      <w:pPr>
        <w:pStyle w:val="ListParagraph"/>
        <w:numPr>
          <w:ilvl w:val="0"/>
          <w:numId w:val="12"/>
        </w:numPr>
      </w:pPr>
      <w:r>
        <w:lastRenderedPageBreak/>
        <w:t>At home</w:t>
      </w:r>
    </w:p>
    <w:p w14:paraId="0330A9C2" w14:textId="77777777" w:rsidR="008279AF" w:rsidRDefault="008279AF" w:rsidP="008279AF">
      <w:pPr>
        <w:pStyle w:val="ListParagraph"/>
        <w:numPr>
          <w:ilvl w:val="0"/>
          <w:numId w:val="12"/>
        </w:numPr>
      </w:pPr>
      <w:r>
        <w:t>With colleagues</w:t>
      </w:r>
      <w:r>
        <w:tab/>
      </w:r>
    </w:p>
    <w:p w14:paraId="7CED2242" w14:textId="77777777" w:rsidR="008279AF" w:rsidRDefault="008279AF" w:rsidP="008279AF">
      <w:pPr>
        <w:pStyle w:val="ListParagraph"/>
        <w:numPr>
          <w:ilvl w:val="0"/>
          <w:numId w:val="12"/>
        </w:numPr>
      </w:pPr>
      <w:r>
        <w:t>With your manager</w:t>
      </w:r>
      <w:r>
        <w:tab/>
      </w:r>
    </w:p>
    <w:p w14:paraId="30483351" w14:textId="77777777" w:rsidR="008279AF" w:rsidRDefault="008279AF" w:rsidP="008279AF">
      <w:pPr>
        <w:pStyle w:val="ListParagraph"/>
        <w:numPr>
          <w:ilvl w:val="0"/>
          <w:numId w:val="12"/>
        </w:numPr>
      </w:pPr>
      <w:r>
        <w:t>At work generally</w:t>
      </w:r>
    </w:p>
    <w:p w14:paraId="5CE58636" w14:textId="77777777" w:rsidR="008279AF" w:rsidRDefault="008279AF" w:rsidP="008279AF">
      <w:r>
        <w:t xml:space="preserve">Partially: </w:t>
      </w:r>
    </w:p>
    <w:p w14:paraId="6C5AB303" w14:textId="77777777" w:rsidR="008279AF" w:rsidRDefault="008279AF" w:rsidP="008279AF">
      <w:pPr>
        <w:pStyle w:val="ListParagraph"/>
        <w:numPr>
          <w:ilvl w:val="0"/>
          <w:numId w:val="12"/>
        </w:numPr>
      </w:pPr>
      <w:r>
        <w:t>At home</w:t>
      </w:r>
    </w:p>
    <w:p w14:paraId="6E925B6B" w14:textId="77777777" w:rsidR="008279AF" w:rsidRDefault="008279AF" w:rsidP="008279AF">
      <w:pPr>
        <w:pStyle w:val="ListParagraph"/>
        <w:numPr>
          <w:ilvl w:val="0"/>
          <w:numId w:val="12"/>
        </w:numPr>
      </w:pPr>
      <w:r>
        <w:t>With colleagues</w:t>
      </w:r>
      <w:r>
        <w:tab/>
      </w:r>
    </w:p>
    <w:p w14:paraId="7FCA1646" w14:textId="77777777" w:rsidR="008279AF" w:rsidRDefault="008279AF" w:rsidP="008279AF">
      <w:pPr>
        <w:pStyle w:val="ListParagraph"/>
        <w:numPr>
          <w:ilvl w:val="0"/>
          <w:numId w:val="12"/>
        </w:numPr>
      </w:pPr>
      <w:r>
        <w:t>With your manager</w:t>
      </w:r>
      <w:r>
        <w:tab/>
      </w:r>
    </w:p>
    <w:p w14:paraId="06C565C2" w14:textId="77777777" w:rsidR="008279AF" w:rsidRDefault="008279AF" w:rsidP="008279AF">
      <w:pPr>
        <w:pStyle w:val="ListParagraph"/>
        <w:numPr>
          <w:ilvl w:val="0"/>
          <w:numId w:val="12"/>
        </w:numPr>
      </w:pPr>
      <w:r>
        <w:t>At work generally</w:t>
      </w:r>
    </w:p>
    <w:p w14:paraId="5DDD6D5C" w14:textId="77777777" w:rsidR="008279AF" w:rsidRDefault="008279AF" w:rsidP="008279AF">
      <w:r>
        <w:t xml:space="preserve">No: </w:t>
      </w:r>
    </w:p>
    <w:p w14:paraId="12B950DF" w14:textId="77777777" w:rsidR="008279AF" w:rsidRDefault="008279AF" w:rsidP="008279AF">
      <w:pPr>
        <w:pStyle w:val="ListParagraph"/>
        <w:numPr>
          <w:ilvl w:val="0"/>
          <w:numId w:val="12"/>
        </w:numPr>
      </w:pPr>
      <w:r>
        <w:t>At home</w:t>
      </w:r>
    </w:p>
    <w:p w14:paraId="6A602472" w14:textId="77777777" w:rsidR="008279AF" w:rsidRDefault="008279AF" w:rsidP="008279AF">
      <w:pPr>
        <w:pStyle w:val="ListParagraph"/>
        <w:numPr>
          <w:ilvl w:val="0"/>
          <w:numId w:val="12"/>
        </w:numPr>
      </w:pPr>
      <w:r>
        <w:t>With colleagues</w:t>
      </w:r>
      <w:r>
        <w:tab/>
      </w:r>
    </w:p>
    <w:p w14:paraId="0563146A" w14:textId="77777777" w:rsidR="008279AF" w:rsidRDefault="008279AF" w:rsidP="008279AF">
      <w:pPr>
        <w:pStyle w:val="ListParagraph"/>
        <w:numPr>
          <w:ilvl w:val="0"/>
          <w:numId w:val="12"/>
        </w:numPr>
      </w:pPr>
      <w:r>
        <w:t>With your manager</w:t>
      </w:r>
      <w:r>
        <w:tab/>
      </w:r>
    </w:p>
    <w:p w14:paraId="4512E8AB" w14:textId="77777777" w:rsidR="008279AF" w:rsidRDefault="008279AF" w:rsidP="008279AF">
      <w:pPr>
        <w:pStyle w:val="ListParagraph"/>
        <w:numPr>
          <w:ilvl w:val="0"/>
          <w:numId w:val="12"/>
        </w:numPr>
      </w:pPr>
      <w:r>
        <w:t>At work generally</w:t>
      </w:r>
    </w:p>
    <w:p w14:paraId="0174D0E0" w14:textId="77777777" w:rsidR="008279AF" w:rsidRDefault="008279AF" w:rsidP="008279AF">
      <w:pPr>
        <w:pStyle w:val="ListParagraph"/>
      </w:pPr>
    </w:p>
    <w:p w14:paraId="797DD24D" w14:textId="77777777" w:rsidR="008279AF" w:rsidRPr="00D2136E" w:rsidRDefault="008279AF" w:rsidP="008279AF">
      <w:pPr>
        <w:rPr>
          <w:b/>
          <w:bCs/>
        </w:rPr>
      </w:pPr>
      <w:r w:rsidRPr="00D2136E">
        <w:rPr>
          <w:b/>
          <w:bCs/>
        </w:rPr>
        <w:t>Religion or belief</w:t>
      </w:r>
    </w:p>
    <w:p w14:paraId="6AF9C543" w14:textId="77777777" w:rsidR="008279AF" w:rsidRDefault="008279AF" w:rsidP="008279AF">
      <w:r>
        <w:t>How would you describe your religion or strongly held belief (please tick)?</w:t>
      </w:r>
    </w:p>
    <w:p w14:paraId="0B11994C" w14:textId="77777777" w:rsidR="008279AF" w:rsidRDefault="008279AF" w:rsidP="008279AF">
      <w:pPr>
        <w:pStyle w:val="ListParagraph"/>
        <w:numPr>
          <w:ilvl w:val="0"/>
          <w:numId w:val="13"/>
        </w:numPr>
      </w:pPr>
      <w:r>
        <w:t xml:space="preserve">No religion  </w:t>
      </w:r>
    </w:p>
    <w:p w14:paraId="3D32B920" w14:textId="77777777" w:rsidR="008279AF" w:rsidRDefault="008279AF" w:rsidP="008279AF">
      <w:pPr>
        <w:pStyle w:val="ListParagraph"/>
        <w:numPr>
          <w:ilvl w:val="0"/>
          <w:numId w:val="13"/>
        </w:numPr>
      </w:pPr>
      <w:r>
        <w:t>Christian (including Church of England, Catholic, Protestant and all other Christian denominations)</w:t>
      </w:r>
    </w:p>
    <w:p w14:paraId="5DF4C329" w14:textId="77777777" w:rsidR="008279AF" w:rsidRDefault="008279AF" w:rsidP="008279AF">
      <w:pPr>
        <w:pStyle w:val="ListParagraph"/>
        <w:numPr>
          <w:ilvl w:val="0"/>
          <w:numId w:val="13"/>
        </w:numPr>
      </w:pPr>
      <w:r>
        <w:t>Muslim</w:t>
      </w:r>
    </w:p>
    <w:p w14:paraId="11EFE120" w14:textId="77777777" w:rsidR="008279AF" w:rsidRDefault="008279AF" w:rsidP="008279AF">
      <w:pPr>
        <w:pStyle w:val="ListParagraph"/>
        <w:numPr>
          <w:ilvl w:val="0"/>
          <w:numId w:val="13"/>
        </w:numPr>
      </w:pPr>
      <w:r>
        <w:t>Hindu</w:t>
      </w:r>
    </w:p>
    <w:p w14:paraId="3A9C4B50" w14:textId="77777777" w:rsidR="008279AF" w:rsidRDefault="008279AF" w:rsidP="008279AF">
      <w:pPr>
        <w:pStyle w:val="ListParagraph"/>
        <w:numPr>
          <w:ilvl w:val="0"/>
          <w:numId w:val="13"/>
        </w:numPr>
      </w:pPr>
      <w:r>
        <w:t>Sikh</w:t>
      </w:r>
    </w:p>
    <w:p w14:paraId="190208DE" w14:textId="77777777" w:rsidR="008279AF" w:rsidRDefault="008279AF" w:rsidP="008279AF">
      <w:pPr>
        <w:pStyle w:val="ListParagraph"/>
        <w:numPr>
          <w:ilvl w:val="0"/>
          <w:numId w:val="13"/>
        </w:numPr>
      </w:pPr>
      <w:r>
        <w:t>Jewish</w:t>
      </w:r>
    </w:p>
    <w:p w14:paraId="7E1AE717" w14:textId="77777777" w:rsidR="008279AF" w:rsidRDefault="008279AF" w:rsidP="008279AF">
      <w:pPr>
        <w:pStyle w:val="ListParagraph"/>
        <w:numPr>
          <w:ilvl w:val="0"/>
          <w:numId w:val="13"/>
        </w:numPr>
      </w:pPr>
      <w:r>
        <w:t>Buddhist</w:t>
      </w:r>
    </w:p>
    <w:p w14:paraId="69205144" w14:textId="77777777" w:rsidR="008279AF" w:rsidRDefault="008279AF" w:rsidP="008279AF">
      <w:pPr>
        <w:pStyle w:val="ListParagraph"/>
        <w:numPr>
          <w:ilvl w:val="0"/>
          <w:numId w:val="13"/>
        </w:numPr>
      </w:pPr>
      <w:r>
        <w:t>Any other religion</w:t>
      </w:r>
    </w:p>
    <w:p w14:paraId="17DA9DE9" w14:textId="77777777" w:rsidR="008279AF" w:rsidRDefault="008279AF" w:rsidP="008279AF">
      <w:pPr>
        <w:pStyle w:val="ListParagraph"/>
        <w:numPr>
          <w:ilvl w:val="0"/>
          <w:numId w:val="13"/>
        </w:numPr>
      </w:pPr>
      <w:r>
        <w:t xml:space="preserve">Prefer not to </w:t>
      </w:r>
      <w:proofErr w:type="gramStart"/>
      <w:r>
        <w:t>say</w:t>
      </w:r>
      <w:proofErr w:type="gramEnd"/>
    </w:p>
    <w:p w14:paraId="38E89EF4" w14:textId="77777777" w:rsidR="008279AF" w:rsidRDefault="008279AF" w:rsidP="008279AF">
      <w:pPr>
        <w:pStyle w:val="ListParagraph"/>
        <w:numPr>
          <w:ilvl w:val="0"/>
          <w:numId w:val="13"/>
        </w:numPr>
      </w:pPr>
      <w:r>
        <w:t>My strongly held belief is ………………………………………………………………</w:t>
      </w:r>
      <w:r>
        <w:tab/>
      </w:r>
    </w:p>
    <w:p w14:paraId="4F26D008" w14:textId="77777777" w:rsidR="008279AF" w:rsidRPr="00D2136E" w:rsidRDefault="008279AF" w:rsidP="008279AF">
      <w:pPr>
        <w:rPr>
          <w:b/>
          <w:bCs/>
        </w:rPr>
      </w:pPr>
      <w:r w:rsidRPr="00D2136E">
        <w:rPr>
          <w:b/>
          <w:bCs/>
        </w:rPr>
        <w:t>Disability</w:t>
      </w:r>
    </w:p>
    <w:p w14:paraId="1F079122" w14:textId="77777777" w:rsidR="008279AF" w:rsidRDefault="008279AF" w:rsidP="008279AF">
      <w:r>
        <w:t xml:space="preserve">The Equality Act 2010 defines a disability as a "physical or mental impairment which has a substantial and long-term adverse effect on a person's ability to carry out normal day-to-day activities". An effect is long-term if it has lasted, or is likely to last, more than 12 months. </w:t>
      </w:r>
    </w:p>
    <w:p w14:paraId="0057911C" w14:textId="77777777" w:rsidR="008279AF" w:rsidRDefault="008279AF" w:rsidP="008279AF">
      <w:r>
        <w:t>Do you consider that you have a disability under the Equality Act 2010 (please tick)?</w:t>
      </w:r>
    </w:p>
    <w:p w14:paraId="3A6684C9" w14:textId="77777777" w:rsidR="008279AF" w:rsidRDefault="008279AF" w:rsidP="008279AF">
      <w:pPr>
        <w:pStyle w:val="ListParagraph"/>
        <w:numPr>
          <w:ilvl w:val="0"/>
          <w:numId w:val="14"/>
        </w:numPr>
      </w:pPr>
      <w:r>
        <w:t>Yes</w:t>
      </w:r>
      <w:r>
        <w:tab/>
      </w:r>
    </w:p>
    <w:p w14:paraId="0A00F3E8" w14:textId="77777777" w:rsidR="008279AF" w:rsidRDefault="008279AF" w:rsidP="008279AF">
      <w:pPr>
        <w:pStyle w:val="ListParagraph"/>
        <w:numPr>
          <w:ilvl w:val="0"/>
          <w:numId w:val="14"/>
        </w:numPr>
      </w:pPr>
      <w:r>
        <w:t>No</w:t>
      </w:r>
    </w:p>
    <w:p w14:paraId="6199C7D2" w14:textId="77777777" w:rsidR="008279AF" w:rsidRDefault="008279AF" w:rsidP="008279AF">
      <w:pPr>
        <w:pStyle w:val="ListParagraph"/>
        <w:numPr>
          <w:ilvl w:val="0"/>
          <w:numId w:val="14"/>
        </w:numPr>
      </w:pPr>
      <w:r>
        <w:t xml:space="preserve">Used to have a disability but have now </w:t>
      </w:r>
      <w:proofErr w:type="gramStart"/>
      <w:r>
        <w:t>recovered</w:t>
      </w:r>
      <w:proofErr w:type="gramEnd"/>
    </w:p>
    <w:p w14:paraId="6393BA80" w14:textId="77777777" w:rsidR="008279AF" w:rsidRDefault="008279AF" w:rsidP="008279AF">
      <w:pPr>
        <w:pStyle w:val="ListParagraph"/>
        <w:numPr>
          <w:ilvl w:val="0"/>
          <w:numId w:val="14"/>
        </w:numPr>
      </w:pPr>
      <w:r>
        <w:t xml:space="preserve">Don't </w:t>
      </w:r>
      <w:proofErr w:type="gramStart"/>
      <w:r>
        <w:t>know</w:t>
      </w:r>
      <w:proofErr w:type="gramEnd"/>
      <w:r>
        <w:tab/>
      </w:r>
    </w:p>
    <w:p w14:paraId="356699F7" w14:textId="77777777" w:rsidR="008279AF" w:rsidRDefault="008279AF" w:rsidP="008279AF">
      <w:pPr>
        <w:pStyle w:val="ListParagraph"/>
        <w:numPr>
          <w:ilvl w:val="0"/>
          <w:numId w:val="14"/>
        </w:numPr>
      </w:pPr>
      <w:r>
        <w:t xml:space="preserve">Prefer not to </w:t>
      </w:r>
      <w:proofErr w:type="gramStart"/>
      <w:r>
        <w:t>say</w:t>
      </w:r>
      <w:proofErr w:type="gramEnd"/>
      <w:r>
        <w:tab/>
      </w:r>
    </w:p>
    <w:p w14:paraId="3C2D6DED" w14:textId="77777777" w:rsidR="008279AF" w:rsidRPr="00D076CB" w:rsidRDefault="008279AF" w:rsidP="008279AF">
      <w:pPr>
        <w:rPr>
          <w:b/>
          <w:bCs/>
        </w:rPr>
      </w:pPr>
      <w:r w:rsidRPr="00D076CB">
        <w:rPr>
          <w:b/>
          <w:bCs/>
        </w:rPr>
        <w:t xml:space="preserve">Social Mobility </w:t>
      </w:r>
    </w:p>
    <w:p w14:paraId="35DEE4BB" w14:textId="77777777" w:rsidR="008279AF" w:rsidRPr="00D076CB" w:rsidRDefault="008279AF" w:rsidP="008279AF">
      <w:r w:rsidRPr="00D076CB">
        <w:t>What was the occupation of your main household earner when you were about aged 14?</w:t>
      </w:r>
    </w:p>
    <w:p w14:paraId="42F9A649" w14:textId="77777777" w:rsidR="008279AF" w:rsidRDefault="008279AF" w:rsidP="008279AF">
      <w:pPr>
        <w:pStyle w:val="ListParagraph"/>
        <w:numPr>
          <w:ilvl w:val="0"/>
          <w:numId w:val="1"/>
        </w:numPr>
      </w:pPr>
      <w:r>
        <w:t>Modern professional &amp; traditional professional occupations such as: teacher, nurse, physiotherapist, social worker, musician, police officer (sergeant or above), software designer, accountant, solicitor, medical practitioner, scientist, civil / mechanical engineer.</w:t>
      </w:r>
    </w:p>
    <w:p w14:paraId="7E6D1BE0" w14:textId="77777777" w:rsidR="008279AF" w:rsidRDefault="008279AF" w:rsidP="008279AF">
      <w:pPr>
        <w:pStyle w:val="ListParagraph"/>
        <w:numPr>
          <w:ilvl w:val="0"/>
          <w:numId w:val="1"/>
        </w:numPr>
      </w:pPr>
      <w:r>
        <w:lastRenderedPageBreak/>
        <w:t xml:space="preserve">Senior, </w:t>
      </w:r>
      <w:proofErr w:type="gramStart"/>
      <w:r>
        <w:t>middle</w:t>
      </w:r>
      <w:proofErr w:type="gramEnd"/>
      <w:r>
        <w:t xml:space="preserve"> or junior managers or administrators such as: finance manager, chief executive, large business owner, office manager, retail manager, bank manager, restaurant manager, warehouse manager.</w:t>
      </w:r>
    </w:p>
    <w:p w14:paraId="3AD36D04" w14:textId="77777777" w:rsidR="008279AF" w:rsidRDefault="008279AF" w:rsidP="008279AF">
      <w:pPr>
        <w:pStyle w:val="ListParagraph"/>
        <w:numPr>
          <w:ilvl w:val="0"/>
          <w:numId w:val="1"/>
        </w:numPr>
      </w:pPr>
      <w:r>
        <w:t>Clerical and intermediate occupations such as: secretary, personal assistant, call centre agent, clerical worker, nursery nurse.</w:t>
      </w:r>
    </w:p>
    <w:p w14:paraId="5C0A0A0B" w14:textId="77777777" w:rsidR="008279AF" w:rsidRDefault="008279AF" w:rsidP="008279AF">
      <w:pPr>
        <w:pStyle w:val="ListParagraph"/>
        <w:numPr>
          <w:ilvl w:val="0"/>
          <w:numId w:val="1"/>
        </w:numPr>
      </w:pPr>
      <w:r>
        <w:t>Technical and craft occupations such as: motor mechanic, plumber, printer, electrician, gardener, train driver.</w:t>
      </w:r>
    </w:p>
    <w:p w14:paraId="08302ECD" w14:textId="77777777" w:rsidR="008279AF" w:rsidRDefault="008279AF" w:rsidP="008279AF">
      <w:pPr>
        <w:pStyle w:val="ListParagraph"/>
        <w:numPr>
          <w:ilvl w:val="0"/>
          <w:numId w:val="1"/>
        </w:numPr>
      </w:pPr>
      <w:r>
        <w:t xml:space="preserve">Routine, semi-routine </w:t>
      </w:r>
      <w:proofErr w:type="gramStart"/>
      <w:r>
        <w:t>manual</w:t>
      </w:r>
      <w:proofErr w:type="gramEnd"/>
      <w:r>
        <w:t xml:space="preserve"> and service occupations such as: postal worker, machine operative, security guard, caretaker, farm worker, catering assistant, sales assistant, HGV driver, cleaner, porter, packer, labourer, waiter/waitress, bar staff.</w:t>
      </w:r>
    </w:p>
    <w:p w14:paraId="3B802A0B" w14:textId="77777777" w:rsidR="008279AF" w:rsidRDefault="008279AF" w:rsidP="008279AF">
      <w:pPr>
        <w:pStyle w:val="ListParagraph"/>
        <w:numPr>
          <w:ilvl w:val="0"/>
          <w:numId w:val="1"/>
        </w:numPr>
      </w:pPr>
      <w:r>
        <w:t>Long-term unemployed (claimed Jobseeker’s Allowance or earlier unemployment benefit for more than a year).</w:t>
      </w:r>
    </w:p>
    <w:p w14:paraId="3ED9AAFB" w14:textId="77777777" w:rsidR="008279AF" w:rsidRDefault="008279AF" w:rsidP="008279AF">
      <w:pPr>
        <w:pStyle w:val="ListParagraph"/>
        <w:numPr>
          <w:ilvl w:val="0"/>
          <w:numId w:val="1"/>
        </w:numPr>
      </w:pPr>
      <w:r>
        <w:t>Small business owners who employed less than 25 people such as: corner shop owners, small plumbing companies, retail shop owner, single restaurant or cafe owner, taxi owner, garage owner.</w:t>
      </w:r>
    </w:p>
    <w:p w14:paraId="3F8147DC" w14:textId="77777777" w:rsidR="008279AF" w:rsidRDefault="008279AF" w:rsidP="008279AF">
      <w:pPr>
        <w:pStyle w:val="ListParagraph"/>
        <w:numPr>
          <w:ilvl w:val="0"/>
          <w:numId w:val="1"/>
        </w:numPr>
      </w:pPr>
      <w:r>
        <w:t>Other such as: retired, this question does not apply to me, I don’t know.</w:t>
      </w:r>
    </w:p>
    <w:p w14:paraId="5DAE933E" w14:textId="77777777" w:rsidR="008279AF" w:rsidRDefault="008279AF" w:rsidP="008279AF">
      <w:pPr>
        <w:pStyle w:val="ListParagraph"/>
        <w:numPr>
          <w:ilvl w:val="0"/>
          <w:numId w:val="1"/>
        </w:numPr>
      </w:pPr>
      <w:r>
        <w:t>I prefer not to say.</w:t>
      </w:r>
    </w:p>
    <w:p w14:paraId="0D53A6F1" w14:textId="77777777" w:rsidR="008279AF" w:rsidRPr="00D076CB" w:rsidRDefault="008279AF" w:rsidP="008279AF">
      <w:r w:rsidRPr="00D076CB">
        <w:t>Which type of school did you attend for the most time between the ages of 11 and 16?</w:t>
      </w:r>
    </w:p>
    <w:p w14:paraId="5D3810DD" w14:textId="77777777" w:rsidR="008279AF" w:rsidRDefault="008279AF" w:rsidP="008279AF">
      <w:pPr>
        <w:pStyle w:val="ListParagraph"/>
        <w:numPr>
          <w:ilvl w:val="0"/>
          <w:numId w:val="2"/>
        </w:numPr>
      </w:pPr>
      <w:r>
        <w:t>A state-run or state-funded school</w:t>
      </w:r>
    </w:p>
    <w:p w14:paraId="4AEBD9A8" w14:textId="77777777" w:rsidR="008279AF" w:rsidRDefault="008279AF" w:rsidP="008279AF">
      <w:pPr>
        <w:pStyle w:val="ListParagraph"/>
        <w:numPr>
          <w:ilvl w:val="0"/>
          <w:numId w:val="2"/>
        </w:numPr>
      </w:pPr>
      <w:r>
        <w:t>Independent or fee-paying school</w:t>
      </w:r>
    </w:p>
    <w:p w14:paraId="5509E709" w14:textId="77777777" w:rsidR="008279AF" w:rsidRDefault="008279AF" w:rsidP="008279AF">
      <w:pPr>
        <w:pStyle w:val="ListParagraph"/>
        <w:numPr>
          <w:ilvl w:val="0"/>
          <w:numId w:val="2"/>
        </w:numPr>
      </w:pPr>
      <w:r>
        <w:t xml:space="preserve">Independent or fee-paying school, where I received a means tested bursary covering 90% or more of the total cost of attending throughout my time </w:t>
      </w:r>
      <w:proofErr w:type="gramStart"/>
      <w:r>
        <w:t>there</w:t>
      </w:r>
      <w:proofErr w:type="gramEnd"/>
    </w:p>
    <w:p w14:paraId="77F11869" w14:textId="77777777" w:rsidR="008279AF" w:rsidRDefault="008279AF" w:rsidP="008279AF">
      <w:pPr>
        <w:pStyle w:val="ListParagraph"/>
        <w:numPr>
          <w:ilvl w:val="0"/>
          <w:numId w:val="2"/>
        </w:numPr>
      </w:pPr>
      <w:r>
        <w:t xml:space="preserve">Attended school outside the </w:t>
      </w:r>
      <w:proofErr w:type="gramStart"/>
      <w:r>
        <w:t>UK</w:t>
      </w:r>
      <w:proofErr w:type="gramEnd"/>
    </w:p>
    <w:p w14:paraId="774273AB" w14:textId="77777777" w:rsidR="008279AF" w:rsidRDefault="008279AF" w:rsidP="008279AF">
      <w:pPr>
        <w:pStyle w:val="ListParagraph"/>
        <w:numPr>
          <w:ilvl w:val="0"/>
          <w:numId w:val="2"/>
        </w:numPr>
      </w:pPr>
      <w:r>
        <w:t xml:space="preserve">I don’t </w:t>
      </w:r>
      <w:proofErr w:type="gramStart"/>
      <w:r>
        <w:t>know</w:t>
      </w:r>
      <w:proofErr w:type="gramEnd"/>
    </w:p>
    <w:p w14:paraId="4B5C6D51" w14:textId="77777777" w:rsidR="008279AF" w:rsidRDefault="008279AF" w:rsidP="008279AF">
      <w:pPr>
        <w:pStyle w:val="ListParagraph"/>
        <w:numPr>
          <w:ilvl w:val="0"/>
          <w:numId w:val="2"/>
        </w:numPr>
      </w:pPr>
      <w:r>
        <w:t xml:space="preserve">I prefer not to </w:t>
      </w:r>
      <w:proofErr w:type="gramStart"/>
      <w:r>
        <w:t>say</w:t>
      </w:r>
      <w:proofErr w:type="gramEnd"/>
    </w:p>
    <w:p w14:paraId="33DAA28E" w14:textId="77777777" w:rsidR="008279AF" w:rsidRPr="00D076CB" w:rsidRDefault="008279AF" w:rsidP="008279AF">
      <w:r w:rsidRPr="00D076CB">
        <w:t>If you finished school after 1980, were you eligible for free school meals at any point during your school years?</w:t>
      </w:r>
    </w:p>
    <w:p w14:paraId="659AEB2A" w14:textId="77777777" w:rsidR="008279AF" w:rsidRDefault="008279AF" w:rsidP="008279AF">
      <w:pPr>
        <w:pStyle w:val="ListParagraph"/>
        <w:numPr>
          <w:ilvl w:val="0"/>
          <w:numId w:val="3"/>
        </w:numPr>
      </w:pPr>
      <w:r>
        <w:t>Yes</w:t>
      </w:r>
    </w:p>
    <w:p w14:paraId="033C9256" w14:textId="77777777" w:rsidR="008279AF" w:rsidRDefault="008279AF" w:rsidP="008279AF">
      <w:pPr>
        <w:pStyle w:val="ListParagraph"/>
        <w:numPr>
          <w:ilvl w:val="0"/>
          <w:numId w:val="3"/>
        </w:numPr>
      </w:pPr>
      <w:r>
        <w:t>No</w:t>
      </w:r>
    </w:p>
    <w:p w14:paraId="45C6AC2F" w14:textId="77777777" w:rsidR="008279AF" w:rsidRDefault="008279AF" w:rsidP="008279AF">
      <w:pPr>
        <w:pStyle w:val="ListParagraph"/>
        <w:numPr>
          <w:ilvl w:val="0"/>
          <w:numId w:val="3"/>
        </w:numPr>
      </w:pPr>
      <w:r>
        <w:t>Not applicable (finished school before 1980 or went to school overseas)</w:t>
      </w:r>
    </w:p>
    <w:p w14:paraId="71C850BA" w14:textId="77777777" w:rsidR="008279AF" w:rsidRDefault="008279AF" w:rsidP="008279AF">
      <w:pPr>
        <w:pStyle w:val="ListParagraph"/>
        <w:numPr>
          <w:ilvl w:val="0"/>
          <w:numId w:val="3"/>
        </w:numPr>
      </w:pPr>
      <w:r>
        <w:t xml:space="preserve">I don’t </w:t>
      </w:r>
      <w:proofErr w:type="gramStart"/>
      <w:r>
        <w:t>know</w:t>
      </w:r>
      <w:proofErr w:type="gramEnd"/>
    </w:p>
    <w:p w14:paraId="2CCDF59E" w14:textId="77777777" w:rsidR="008279AF" w:rsidRDefault="008279AF" w:rsidP="008279AF">
      <w:pPr>
        <w:pStyle w:val="ListParagraph"/>
        <w:numPr>
          <w:ilvl w:val="0"/>
          <w:numId w:val="3"/>
        </w:numPr>
      </w:pPr>
      <w:r>
        <w:t xml:space="preserve">I prefer not to </w:t>
      </w:r>
      <w:proofErr w:type="gramStart"/>
      <w:r>
        <w:t>say</w:t>
      </w:r>
      <w:proofErr w:type="gramEnd"/>
    </w:p>
    <w:p w14:paraId="74548696" w14:textId="77777777" w:rsidR="008279AF" w:rsidRPr="00D076CB" w:rsidRDefault="008279AF" w:rsidP="008279AF">
      <w:r w:rsidRPr="00D076CB">
        <w:t>Did either of your parents attend university and gain a degree (</w:t>
      </w:r>
      <w:proofErr w:type="gramStart"/>
      <w:r w:rsidRPr="00D076CB">
        <w:t>e.g.</w:t>
      </w:r>
      <w:proofErr w:type="gramEnd"/>
      <w:r w:rsidRPr="00D076CB">
        <w:t xml:space="preserve"> BA/BSc or equivalent) by the time you were 18?</w:t>
      </w:r>
    </w:p>
    <w:p w14:paraId="69BC20AD" w14:textId="77777777" w:rsidR="008279AF" w:rsidRDefault="008279AF" w:rsidP="008279AF">
      <w:pPr>
        <w:pStyle w:val="ListParagraph"/>
        <w:numPr>
          <w:ilvl w:val="0"/>
          <w:numId w:val="4"/>
        </w:numPr>
      </w:pPr>
      <w:r>
        <w:t xml:space="preserve">No, neither of my parents attended </w:t>
      </w:r>
      <w:proofErr w:type="gramStart"/>
      <w:r>
        <w:t>university</w:t>
      </w:r>
      <w:proofErr w:type="gramEnd"/>
    </w:p>
    <w:p w14:paraId="713E742C" w14:textId="77777777" w:rsidR="008279AF" w:rsidRDefault="008279AF" w:rsidP="008279AF">
      <w:pPr>
        <w:pStyle w:val="ListParagraph"/>
        <w:numPr>
          <w:ilvl w:val="0"/>
          <w:numId w:val="4"/>
        </w:numPr>
      </w:pPr>
      <w:r>
        <w:t xml:space="preserve">Yes, one or both of my parents attended </w:t>
      </w:r>
      <w:proofErr w:type="gramStart"/>
      <w:r>
        <w:t>university</w:t>
      </w:r>
      <w:proofErr w:type="gramEnd"/>
    </w:p>
    <w:p w14:paraId="03FBA856" w14:textId="77777777" w:rsidR="008279AF" w:rsidRDefault="008279AF" w:rsidP="008279AF">
      <w:pPr>
        <w:pStyle w:val="ListParagraph"/>
        <w:numPr>
          <w:ilvl w:val="0"/>
          <w:numId w:val="4"/>
        </w:numPr>
      </w:pPr>
      <w:r>
        <w:t xml:space="preserve">Do not know / not </w:t>
      </w:r>
      <w:proofErr w:type="gramStart"/>
      <w:r>
        <w:t>sure</w:t>
      </w:r>
      <w:proofErr w:type="gramEnd"/>
    </w:p>
    <w:p w14:paraId="68759187" w14:textId="77777777" w:rsidR="008279AF" w:rsidRDefault="008279AF" w:rsidP="008279AF">
      <w:pPr>
        <w:pStyle w:val="ListParagraph"/>
        <w:numPr>
          <w:ilvl w:val="0"/>
          <w:numId w:val="4"/>
        </w:numPr>
      </w:pPr>
      <w:r>
        <w:t xml:space="preserve">I prefer not to </w:t>
      </w:r>
      <w:proofErr w:type="gramStart"/>
      <w:r>
        <w:t>say</w:t>
      </w:r>
      <w:proofErr w:type="gramEnd"/>
    </w:p>
    <w:p w14:paraId="6D123B49" w14:textId="77777777" w:rsidR="00536791" w:rsidRPr="00536791" w:rsidRDefault="00536791" w:rsidP="00536791">
      <w:pPr>
        <w:pStyle w:val="NoSpacing"/>
      </w:pPr>
    </w:p>
    <w:sectPr w:rsidR="00536791" w:rsidRPr="00536791">
      <w:headerReference w:type="even" r:id="rId7"/>
      <w:headerReference w:type="default" r:id="rId8"/>
      <w:footerReference w:type="even" r:id="rId9"/>
      <w:footerReference w:type="default" r:id="rId10"/>
      <w:headerReference w:type="first" r:id="rId11"/>
      <w:footerReference w:type="first" r:id="rId12"/>
      <w:pgSz w:w="11906" w:h="16838"/>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9A2CB51" w14:textId="77777777" w:rsidR="005B11A2" w:rsidRDefault="005B11A2" w:rsidP="000B57DF">
      <w:pPr>
        <w:spacing w:after="0" w:line="240" w:lineRule="auto"/>
      </w:pPr>
      <w:r>
        <w:separator/>
      </w:r>
    </w:p>
  </w:endnote>
  <w:endnote w:type="continuationSeparator" w:id="0">
    <w:p w14:paraId="51298EB0" w14:textId="77777777" w:rsidR="005B11A2" w:rsidRDefault="005B11A2" w:rsidP="000B57DF">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B355C0D" w14:textId="77777777" w:rsidR="000B57DF" w:rsidRDefault="000B57DF">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84BF05" w14:textId="77777777" w:rsidR="000B57DF" w:rsidRDefault="000B57DF">
    <w:pPr>
      <w:pStyle w:val="Footer"/>
    </w:pPr>
  </w:p>
  <w:p w14:paraId="4AA0F6D0" w14:textId="3D743656" w:rsidR="008A2B8D" w:rsidRDefault="00C7616A" w:rsidP="008A2B8D">
    <w:pPr>
      <w:pStyle w:val="Footer"/>
    </w:pPr>
    <w:fldSimple w:instr=" DOCPROPERTY iManageFooter \* MERGEFORMAT ">
      <w:r w:rsidR="00C87C9B" w:rsidRPr="00C87C9B">
        <w:rPr>
          <w:rFonts w:cs="Arial"/>
          <w:sz w:val="16"/>
        </w:rPr>
        <w:t>PRIVATE.LREAY.14008300.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7688D38" w14:textId="77777777" w:rsidR="000B57DF" w:rsidRDefault="000B57DF">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127A16E" w14:textId="77777777" w:rsidR="005B11A2" w:rsidRDefault="005B11A2" w:rsidP="000B57DF">
      <w:pPr>
        <w:spacing w:after="0" w:line="240" w:lineRule="auto"/>
      </w:pPr>
      <w:r>
        <w:separator/>
      </w:r>
    </w:p>
  </w:footnote>
  <w:footnote w:type="continuationSeparator" w:id="0">
    <w:p w14:paraId="5812B827" w14:textId="77777777" w:rsidR="005B11A2" w:rsidRDefault="005B11A2" w:rsidP="000B57DF">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833AA7A" w14:textId="77777777" w:rsidR="000B57DF" w:rsidRDefault="000B57D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B4883E" w14:textId="77777777" w:rsidR="000B57DF" w:rsidRDefault="000B57D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8A6B14E" w14:textId="77777777" w:rsidR="000B57DF" w:rsidRDefault="000B57D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10204B02"/>
    <w:multiLevelType w:val="hybridMultilevel"/>
    <w:tmpl w:val="988218F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1BC330F7"/>
    <w:multiLevelType w:val="hybridMultilevel"/>
    <w:tmpl w:val="4632570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 w15:restartNumberingAfterBreak="0">
    <w:nsid w:val="2030060F"/>
    <w:multiLevelType w:val="hybridMultilevel"/>
    <w:tmpl w:val="2D4E94A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 w15:restartNumberingAfterBreak="0">
    <w:nsid w:val="21916F2A"/>
    <w:multiLevelType w:val="hybridMultilevel"/>
    <w:tmpl w:val="BEE02CB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 w15:restartNumberingAfterBreak="0">
    <w:nsid w:val="31D336B4"/>
    <w:multiLevelType w:val="hybridMultilevel"/>
    <w:tmpl w:val="88BAE92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5" w15:restartNumberingAfterBreak="0">
    <w:nsid w:val="33894998"/>
    <w:multiLevelType w:val="hybridMultilevel"/>
    <w:tmpl w:val="35EAB1A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6" w15:restartNumberingAfterBreak="0">
    <w:nsid w:val="37475919"/>
    <w:multiLevelType w:val="hybridMultilevel"/>
    <w:tmpl w:val="AFCEFB8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7" w15:restartNumberingAfterBreak="0">
    <w:nsid w:val="40A128B7"/>
    <w:multiLevelType w:val="hybridMultilevel"/>
    <w:tmpl w:val="6B94AA1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8" w15:restartNumberingAfterBreak="0">
    <w:nsid w:val="44984D9A"/>
    <w:multiLevelType w:val="hybridMultilevel"/>
    <w:tmpl w:val="94227A8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9" w15:restartNumberingAfterBreak="0">
    <w:nsid w:val="4966045D"/>
    <w:multiLevelType w:val="hybridMultilevel"/>
    <w:tmpl w:val="292C0A7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0" w15:restartNumberingAfterBreak="0">
    <w:nsid w:val="55F00D6E"/>
    <w:multiLevelType w:val="hybridMultilevel"/>
    <w:tmpl w:val="DA7A104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1" w15:restartNumberingAfterBreak="0">
    <w:nsid w:val="59B41875"/>
    <w:multiLevelType w:val="hybridMultilevel"/>
    <w:tmpl w:val="03FEA49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2" w15:restartNumberingAfterBreak="0">
    <w:nsid w:val="5E0249A3"/>
    <w:multiLevelType w:val="hybridMultilevel"/>
    <w:tmpl w:val="53EC0AF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3" w15:restartNumberingAfterBreak="0">
    <w:nsid w:val="67D10294"/>
    <w:multiLevelType w:val="hybridMultilevel"/>
    <w:tmpl w:val="2C2C1194"/>
    <w:lvl w:ilvl="0" w:tplc="147083A0">
      <w:start w:val="1"/>
      <w:numFmt w:val="decimal"/>
      <w:lvlText w:val="(%1)"/>
      <w:lvlJc w:val="left"/>
      <w:pPr>
        <w:ind w:left="720" w:hanging="360"/>
      </w:pPr>
      <w:rPr>
        <w:rFonts w:hint="default"/>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4" w15:restartNumberingAfterBreak="0">
    <w:nsid w:val="6F695DCC"/>
    <w:multiLevelType w:val="hybridMultilevel"/>
    <w:tmpl w:val="66A404D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5" w15:restartNumberingAfterBreak="0">
    <w:nsid w:val="74594A83"/>
    <w:multiLevelType w:val="hybridMultilevel"/>
    <w:tmpl w:val="95CE949C"/>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6" w15:restartNumberingAfterBreak="0">
    <w:nsid w:val="77595D28"/>
    <w:multiLevelType w:val="hybridMultilevel"/>
    <w:tmpl w:val="12084314"/>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7" w15:restartNumberingAfterBreak="0">
    <w:nsid w:val="779740EC"/>
    <w:multiLevelType w:val="hybridMultilevel"/>
    <w:tmpl w:val="AB5A172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8" w15:restartNumberingAfterBreak="0">
    <w:nsid w:val="782A282A"/>
    <w:multiLevelType w:val="hybridMultilevel"/>
    <w:tmpl w:val="2B9E993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16cid:durableId="1832285196">
    <w:abstractNumId w:val="9"/>
  </w:num>
  <w:num w:numId="2" w16cid:durableId="1752655576">
    <w:abstractNumId w:val="6"/>
  </w:num>
  <w:num w:numId="3" w16cid:durableId="920068668">
    <w:abstractNumId w:val="1"/>
  </w:num>
  <w:num w:numId="4" w16cid:durableId="2057505026">
    <w:abstractNumId w:val="4"/>
  </w:num>
  <w:num w:numId="5" w16cid:durableId="1663238715">
    <w:abstractNumId w:val="7"/>
  </w:num>
  <w:num w:numId="6" w16cid:durableId="1351568385">
    <w:abstractNumId w:val="15"/>
  </w:num>
  <w:num w:numId="7" w16cid:durableId="329060599">
    <w:abstractNumId w:val="0"/>
  </w:num>
  <w:num w:numId="8" w16cid:durableId="190844275">
    <w:abstractNumId w:val="2"/>
  </w:num>
  <w:num w:numId="9" w16cid:durableId="1360593666">
    <w:abstractNumId w:val="3"/>
  </w:num>
  <w:num w:numId="10" w16cid:durableId="202333842">
    <w:abstractNumId w:val="11"/>
  </w:num>
  <w:num w:numId="11" w16cid:durableId="1786342690">
    <w:abstractNumId w:val="18"/>
  </w:num>
  <w:num w:numId="12" w16cid:durableId="693186849">
    <w:abstractNumId w:val="17"/>
  </w:num>
  <w:num w:numId="13" w16cid:durableId="33506203">
    <w:abstractNumId w:val="8"/>
  </w:num>
  <w:num w:numId="14" w16cid:durableId="408815261">
    <w:abstractNumId w:val="16"/>
  </w:num>
  <w:num w:numId="15" w16cid:durableId="235669189">
    <w:abstractNumId w:val="12"/>
  </w:num>
  <w:num w:numId="16" w16cid:durableId="179852386">
    <w:abstractNumId w:val="14"/>
  </w:num>
  <w:num w:numId="17" w16cid:durableId="27225012">
    <w:abstractNumId w:val="5"/>
  </w:num>
  <w:num w:numId="18" w16cid:durableId="703094967">
    <w:abstractNumId w:val="13"/>
  </w:num>
  <w:num w:numId="19" w16cid:durableId="1118917756">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5B11A2"/>
    <w:rsid w:val="000015BF"/>
    <w:rsid w:val="000017C5"/>
    <w:rsid w:val="0000379B"/>
    <w:rsid w:val="0000389B"/>
    <w:rsid w:val="00003ED9"/>
    <w:rsid w:val="00004CA2"/>
    <w:rsid w:val="00004FA6"/>
    <w:rsid w:val="00005237"/>
    <w:rsid w:val="0000610F"/>
    <w:rsid w:val="000061DC"/>
    <w:rsid w:val="0000751C"/>
    <w:rsid w:val="00010071"/>
    <w:rsid w:val="000101E3"/>
    <w:rsid w:val="00010B8D"/>
    <w:rsid w:val="00011107"/>
    <w:rsid w:val="000120E2"/>
    <w:rsid w:val="0001345B"/>
    <w:rsid w:val="000139A2"/>
    <w:rsid w:val="0001505E"/>
    <w:rsid w:val="00015B57"/>
    <w:rsid w:val="00016B64"/>
    <w:rsid w:val="00016B88"/>
    <w:rsid w:val="00016FA6"/>
    <w:rsid w:val="00017C9D"/>
    <w:rsid w:val="00017F69"/>
    <w:rsid w:val="00017FE6"/>
    <w:rsid w:val="00021595"/>
    <w:rsid w:val="000215AA"/>
    <w:rsid w:val="0002179A"/>
    <w:rsid w:val="000224A7"/>
    <w:rsid w:val="00022B25"/>
    <w:rsid w:val="00022C46"/>
    <w:rsid w:val="00022D01"/>
    <w:rsid w:val="00024D0C"/>
    <w:rsid w:val="000258A4"/>
    <w:rsid w:val="00025D8F"/>
    <w:rsid w:val="000262E1"/>
    <w:rsid w:val="000263EC"/>
    <w:rsid w:val="00026595"/>
    <w:rsid w:val="00027984"/>
    <w:rsid w:val="000306A2"/>
    <w:rsid w:val="00030A37"/>
    <w:rsid w:val="00031415"/>
    <w:rsid w:val="000326A7"/>
    <w:rsid w:val="00033130"/>
    <w:rsid w:val="000334D7"/>
    <w:rsid w:val="0003425F"/>
    <w:rsid w:val="00034282"/>
    <w:rsid w:val="00034DE8"/>
    <w:rsid w:val="00035089"/>
    <w:rsid w:val="00035524"/>
    <w:rsid w:val="000355A9"/>
    <w:rsid w:val="000356E8"/>
    <w:rsid w:val="000359BD"/>
    <w:rsid w:val="00036A5A"/>
    <w:rsid w:val="00036C87"/>
    <w:rsid w:val="00036FAC"/>
    <w:rsid w:val="0003734C"/>
    <w:rsid w:val="00037E48"/>
    <w:rsid w:val="000400FF"/>
    <w:rsid w:val="00040F0D"/>
    <w:rsid w:val="00041016"/>
    <w:rsid w:val="000414C4"/>
    <w:rsid w:val="0004327C"/>
    <w:rsid w:val="00043380"/>
    <w:rsid w:val="00043B22"/>
    <w:rsid w:val="000443D1"/>
    <w:rsid w:val="00044EB4"/>
    <w:rsid w:val="000451FD"/>
    <w:rsid w:val="00045675"/>
    <w:rsid w:val="000467F4"/>
    <w:rsid w:val="00046BAE"/>
    <w:rsid w:val="0004701C"/>
    <w:rsid w:val="00047704"/>
    <w:rsid w:val="0005120B"/>
    <w:rsid w:val="00051278"/>
    <w:rsid w:val="00051488"/>
    <w:rsid w:val="00052E3D"/>
    <w:rsid w:val="0005523A"/>
    <w:rsid w:val="0005532E"/>
    <w:rsid w:val="00055E1C"/>
    <w:rsid w:val="00056B0E"/>
    <w:rsid w:val="00056E2A"/>
    <w:rsid w:val="00057B32"/>
    <w:rsid w:val="0006138F"/>
    <w:rsid w:val="00062700"/>
    <w:rsid w:val="00062CEA"/>
    <w:rsid w:val="000643D1"/>
    <w:rsid w:val="000649DE"/>
    <w:rsid w:val="00064F39"/>
    <w:rsid w:val="000652FC"/>
    <w:rsid w:val="00065927"/>
    <w:rsid w:val="00065D99"/>
    <w:rsid w:val="00067004"/>
    <w:rsid w:val="00067142"/>
    <w:rsid w:val="00067197"/>
    <w:rsid w:val="0007011C"/>
    <w:rsid w:val="000702AC"/>
    <w:rsid w:val="00070FFF"/>
    <w:rsid w:val="000713B5"/>
    <w:rsid w:val="00071E1E"/>
    <w:rsid w:val="00071E28"/>
    <w:rsid w:val="00073310"/>
    <w:rsid w:val="0007332E"/>
    <w:rsid w:val="000745D0"/>
    <w:rsid w:val="00075452"/>
    <w:rsid w:val="00075A14"/>
    <w:rsid w:val="000763E8"/>
    <w:rsid w:val="00076447"/>
    <w:rsid w:val="00076923"/>
    <w:rsid w:val="00080848"/>
    <w:rsid w:val="00082C13"/>
    <w:rsid w:val="00083787"/>
    <w:rsid w:val="00083FED"/>
    <w:rsid w:val="00084AA4"/>
    <w:rsid w:val="00085862"/>
    <w:rsid w:val="00086449"/>
    <w:rsid w:val="00086842"/>
    <w:rsid w:val="00087989"/>
    <w:rsid w:val="00087BA0"/>
    <w:rsid w:val="00090A3A"/>
    <w:rsid w:val="00090DEA"/>
    <w:rsid w:val="00091EA4"/>
    <w:rsid w:val="00092561"/>
    <w:rsid w:val="00092EB2"/>
    <w:rsid w:val="00092EDB"/>
    <w:rsid w:val="00093339"/>
    <w:rsid w:val="0009335F"/>
    <w:rsid w:val="00093F6F"/>
    <w:rsid w:val="0009412D"/>
    <w:rsid w:val="00095532"/>
    <w:rsid w:val="00095656"/>
    <w:rsid w:val="00096ABF"/>
    <w:rsid w:val="00096C17"/>
    <w:rsid w:val="000975FC"/>
    <w:rsid w:val="00097773"/>
    <w:rsid w:val="00097B7F"/>
    <w:rsid w:val="000A07A1"/>
    <w:rsid w:val="000A0F2B"/>
    <w:rsid w:val="000A1047"/>
    <w:rsid w:val="000A15DF"/>
    <w:rsid w:val="000A24B4"/>
    <w:rsid w:val="000A24F0"/>
    <w:rsid w:val="000A37E2"/>
    <w:rsid w:val="000A3EFB"/>
    <w:rsid w:val="000A4138"/>
    <w:rsid w:val="000A42E1"/>
    <w:rsid w:val="000A4A78"/>
    <w:rsid w:val="000A5620"/>
    <w:rsid w:val="000A6858"/>
    <w:rsid w:val="000A6900"/>
    <w:rsid w:val="000A6D72"/>
    <w:rsid w:val="000A6EA8"/>
    <w:rsid w:val="000A75E7"/>
    <w:rsid w:val="000B03CA"/>
    <w:rsid w:val="000B0EB9"/>
    <w:rsid w:val="000B1979"/>
    <w:rsid w:val="000B1F38"/>
    <w:rsid w:val="000B230F"/>
    <w:rsid w:val="000B2642"/>
    <w:rsid w:val="000B2FD5"/>
    <w:rsid w:val="000B2FF0"/>
    <w:rsid w:val="000B3717"/>
    <w:rsid w:val="000B3788"/>
    <w:rsid w:val="000B4B9F"/>
    <w:rsid w:val="000B57DF"/>
    <w:rsid w:val="000B6052"/>
    <w:rsid w:val="000C01DE"/>
    <w:rsid w:val="000C0283"/>
    <w:rsid w:val="000C0590"/>
    <w:rsid w:val="000C1C8B"/>
    <w:rsid w:val="000C3C2E"/>
    <w:rsid w:val="000C3F12"/>
    <w:rsid w:val="000C50EB"/>
    <w:rsid w:val="000C5335"/>
    <w:rsid w:val="000C6D3E"/>
    <w:rsid w:val="000C6DEB"/>
    <w:rsid w:val="000C75E0"/>
    <w:rsid w:val="000C7DEF"/>
    <w:rsid w:val="000D0566"/>
    <w:rsid w:val="000D11DF"/>
    <w:rsid w:val="000D1788"/>
    <w:rsid w:val="000D17B5"/>
    <w:rsid w:val="000D272D"/>
    <w:rsid w:val="000D3F5B"/>
    <w:rsid w:val="000D40A3"/>
    <w:rsid w:val="000D4509"/>
    <w:rsid w:val="000D4865"/>
    <w:rsid w:val="000D564A"/>
    <w:rsid w:val="000D5FD6"/>
    <w:rsid w:val="000D630F"/>
    <w:rsid w:val="000D66BF"/>
    <w:rsid w:val="000D7859"/>
    <w:rsid w:val="000E032C"/>
    <w:rsid w:val="000E0B1A"/>
    <w:rsid w:val="000E0CCC"/>
    <w:rsid w:val="000E25D3"/>
    <w:rsid w:val="000E43CE"/>
    <w:rsid w:val="000E47BE"/>
    <w:rsid w:val="000E5F3F"/>
    <w:rsid w:val="000E6007"/>
    <w:rsid w:val="000E6604"/>
    <w:rsid w:val="000E6CDE"/>
    <w:rsid w:val="000E6F89"/>
    <w:rsid w:val="000E7120"/>
    <w:rsid w:val="000F05C5"/>
    <w:rsid w:val="000F0DCE"/>
    <w:rsid w:val="000F0EDC"/>
    <w:rsid w:val="000F2198"/>
    <w:rsid w:val="000F2543"/>
    <w:rsid w:val="000F30F5"/>
    <w:rsid w:val="000F353D"/>
    <w:rsid w:val="000F3956"/>
    <w:rsid w:val="000F3B5D"/>
    <w:rsid w:val="000F4799"/>
    <w:rsid w:val="000F4C18"/>
    <w:rsid w:val="000F4FBE"/>
    <w:rsid w:val="000F59FA"/>
    <w:rsid w:val="000F66E4"/>
    <w:rsid w:val="000F6A59"/>
    <w:rsid w:val="000F6E26"/>
    <w:rsid w:val="000F70E3"/>
    <w:rsid w:val="000F7904"/>
    <w:rsid w:val="000F7CBE"/>
    <w:rsid w:val="00100528"/>
    <w:rsid w:val="00100903"/>
    <w:rsid w:val="001012A0"/>
    <w:rsid w:val="001012EB"/>
    <w:rsid w:val="00101359"/>
    <w:rsid w:val="00101671"/>
    <w:rsid w:val="001023B7"/>
    <w:rsid w:val="00102BD0"/>
    <w:rsid w:val="00103C11"/>
    <w:rsid w:val="001043EE"/>
    <w:rsid w:val="0010442E"/>
    <w:rsid w:val="0010639B"/>
    <w:rsid w:val="0010656D"/>
    <w:rsid w:val="0010734D"/>
    <w:rsid w:val="00107F16"/>
    <w:rsid w:val="001123DC"/>
    <w:rsid w:val="00112EFC"/>
    <w:rsid w:val="001135D6"/>
    <w:rsid w:val="00113A95"/>
    <w:rsid w:val="00114C12"/>
    <w:rsid w:val="00115B63"/>
    <w:rsid w:val="00115E53"/>
    <w:rsid w:val="00116C50"/>
    <w:rsid w:val="0011700D"/>
    <w:rsid w:val="00117020"/>
    <w:rsid w:val="001170C4"/>
    <w:rsid w:val="00117E68"/>
    <w:rsid w:val="00121A6B"/>
    <w:rsid w:val="00122FAA"/>
    <w:rsid w:val="00123D87"/>
    <w:rsid w:val="00124117"/>
    <w:rsid w:val="001257C3"/>
    <w:rsid w:val="00125AD4"/>
    <w:rsid w:val="001260DF"/>
    <w:rsid w:val="00126773"/>
    <w:rsid w:val="00126BC0"/>
    <w:rsid w:val="00126FC1"/>
    <w:rsid w:val="00132D40"/>
    <w:rsid w:val="0013312F"/>
    <w:rsid w:val="001340F7"/>
    <w:rsid w:val="00134927"/>
    <w:rsid w:val="00135475"/>
    <w:rsid w:val="001361CD"/>
    <w:rsid w:val="00136C98"/>
    <w:rsid w:val="00137016"/>
    <w:rsid w:val="00137794"/>
    <w:rsid w:val="00141890"/>
    <w:rsid w:val="00141FE1"/>
    <w:rsid w:val="001420CA"/>
    <w:rsid w:val="00142F5D"/>
    <w:rsid w:val="001441F9"/>
    <w:rsid w:val="00146A4D"/>
    <w:rsid w:val="00146CC0"/>
    <w:rsid w:val="001476BC"/>
    <w:rsid w:val="00150CB0"/>
    <w:rsid w:val="00150E09"/>
    <w:rsid w:val="00151D14"/>
    <w:rsid w:val="00151F2D"/>
    <w:rsid w:val="001528BB"/>
    <w:rsid w:val="001528FA"/>
    <w:rsid w:val="00154259"/>
    <w:rsid w:val="00154C00"/>
    <w:rsid w:val="00154E00"/>
    <w:rsid w:val="0015555C"/>
    <w:rsid w:val="00155926"/>
    <w:rsid w:val="00155934"/>
    <w:rsid w:val="00155BA4"/>
    <w:rsid w:val="00156C8C"/>
    <w:rsid w:val="00157835"/>
    <w:rsid w:val="001602E6"/>
    <w:rsid w:val="0016145D"/>
    <w:rsid w:val="0016148B"/>
    <w:rsid w:val="0016150D"/>
    <w:rsid w:val="001625F1"/>
    <w:rsid w:val="00162863"/>
    <w:rsid w:val="00163592"/>
    <w:rsid w:val="001639FC"/>
    <w:rsid w:val="00164AF7"/>
    <w:rsid w:val="00164E7A"/>
    <w:rsid w:val="0016533C"/>
    <w:rsid w:val="001669E4"/>
    <w:rsid w:val="00167BD0"/>
    <w:rsid w:val="00167E5A"/>
    <w:rsid w:val="001705CA"/>
    <w:rsid w:val="001712EF"/>
    <w:rsid w:val="0017173D"/>
    <w:rsid w:val="00172537"/>
    <w:rsid w:val="001733C9"/>
    <w:rsid w:val="0017399D"/>
    <w:rsid w:val="001758DA"/>
    <w:rsid w:val="00175B99"/>
    <w:rsid w:val="00175EF6"/>
    <w:rsid w:val="00176705"/>
    <w:rsid w:val="00176A2E"/>
    <w:rsid w:val="001775AD"/>
    <w:rsid w:val="00177C21"/>
    <w:rsid w:val="001815FC"/>
    <w:rsid w:val="00181BBC"/>
    <w:rsid w:val="00181F4B"/>
    <w:rsid w:val="0018226D"/>
    <w:rsid w:val="001823CF"/>
    <w:rsid w:val="00182528"/>
    <w:rsid w:val="001827A6"/>
    <w:rsid w:val="001829F5"/>
    <w:rsid w:val="0018554D"/>
    <w:rsid w:val="0018643A"/>
    <w:rsid w:val="00186458"/>
    <w:rsid w:val="00186D45"/>
    <w:rsid w:val="00190749"/>
    <w:rsid w:val="00190876"/>
    <w:rsid w:val="00191101"/>
    <w:rsid w:val="0019268C"/>
    <w:rsid w:val="0019268D"/>
    <w:rsid w:val="00192C7C"/>
    <w:rsid w:val="0019314D"/>
    <w:rsid w:val="00193983"/>
    <w:rsid w:val="00193C3C"/>
    <w:rsid w:val="00193C67"/>
    <w:rsid w:val="00193CAA"/>
    <w:rsid w:val="00194012"/>
    <w:rsid w:val="001948E6"/>
    <w:rsid w:val="001963A6"/>
    <w:rsid w:val="00196B84"/>
    <w:rsid w:val="00197287"/>
    <w:rsid w:val="00197339"/>
    <w:rsid w:val="001974D1"/>
    <w:rsid w:val="00197973"/>
    <w:rsid w:val="00197C16"/>
    <w:rsid w:val="00197CB0"/>
    <w:rsid w:val="001A016B"/>
    <w:rsid w:val="001A0417"/>
    <w:rsid w:val="001A0810"/>
    <w:rsid w:val="001A0E06"/>
    <w:rsid w:val="001A1162"/>
    <w:rsid w:val="001A3D3D"/>
    <w:rsid w:val="001A41EF"/>
    <w:rsid w:val="001A4269"/>
    <w:rsid w:val="001A581E"/>
    <w:rsid w:val="001A5837"/>
    <w:rsid w:val="001A5C34"/>
    <w:rsid w:val="001A66A0"/>
    <w:rsid w:val="001A67B8"/>
    <w:rsid w:val="001A7389"/>
    <w:rsid w:val="001A75A8"/>
    <w:rsid w:val="001A7E73"/>
    <w:rsid w:val="001B00DF"/>
    <w:rsid w:val="001B03EE"/>
    <w:rsid w:val="001B11F0"/>
    <w:rsid w:val="001B141B"/>
    <w:rsid w:val="001B1B36"/>
    <w:rsid w:val="001B2084"/>
    <w:rsid w:val="001B244E"/>
    <w:rsid w:val="001B258D"/>
    <w:rsid w:val="001B2852"/>
    <w:rsid w:val="001B2CA4"/>
    <w:rsid w:val="001B2D8E"/>
    <w:rsid w:val="001B2E45"/>
    <w:rsid w:val="001B3A24"/>
    <w:rsid w:val="001B3B78"/>
    <w:rsid w:val="001B3B96"/>
    <w:rsid w:val="001B4D49"/>
    <w:rsid w:val="001B55E3"/>
    <w:rsid w:val="001B5AF8"/>
    <w:rsid w:val="001B6B58"/>
    <w:rsid w:val="001B7015"/>
    <w:rsid w:val="001B754F"/>
    <w:rsid w:val="001B79CB"/>
    <w:rsid w:val="001C144F"/>
    <w:rsid w:val="001C160B"/>
    <w:rsid w:val="001C19E9"/>
    <w:rsid w:val="001C20DB"/>
    <w:rsid w:val="001C2452"/>
    <w:rsid w:val="001C3D84"/>
    <w:rsid w:val="001C51F7"/>
    <w:rsid w:val="001C5A82"/>
    <w:rsid w:val="001C65D7"/>
    <w:rsid w:val="001C67B0"/>
    <w:rsid w:val="001C6885"/>
    <w:rsid w:val="001C6E79"/>
    <w:rsid w:val="001D0461"/>
    <w:rsid w:val="001D08EE"/>
    <w:rsid w:val="001D0F72"/>
    <w:rsid w:val="001D1869"/>
    <w:rsid w:val="001D18E9"/>
    <w:rsid w:val="001D1BC7"/>
    <w:rsid w:val="001D1CCC"/>
    <w:rsid w:val="001D1F7C"/>
    <w:rsid w:val="001D2664"/>
    <w:rsid w:val="001D2C6E"/>
    <w:rsid w:val="001D4450"/>
    <w:rsid w:val="001D4D2B"/>
    <w:rsid w:val="001D4D84"/>
    <w:rsid w:val="001D5156"/>
    <w:rsid w:val="001D63B5"/>
    <w:rsid w:val="001D75A8"/>
    <w:rsid w:val="001D7984"/>
    <w:rsid w:val="001E0866"/>
    <w:rsid w:val="001E20B8"/>
    <w:rsid w:val="001E3352"/>
    <w:rsid w:val="001E3613"/>
    <w:rsid w:val="001E38EB"/>
    <w:rsid w:val="001E3C6D"/>
    <w:rsid w:val="001E63F8"/>
    <w:rsid w:val="001E65F1"/>
    <w:rsid w:val="001E68C5"/>
    <w:rsid w:val="001E77C6"/>
    <w:rsid w:val="001F0DC2"/>
    <w:rsid w:val="001F0E04"/>
    <w:rsid w:val="001F1782"/>
    <w:rsid w:val="001F1EAF"/>
    <w:rsid w:val="001F3A19"/>
    <w:rsid w:val="001F3F88"/>
    <w:rsid w:val="001F4ACD"/>
    <w:rsid w:val="001F4FF2"/>
    <w:rsid w:val="001F5123"/>
    <w:rsid w:val="001F5340"/>
    <w:rsid w:val="001F6478"/>
    <w:rsid w:val="001F6673"/>
    <w:rsid w:val="001F674A"/>
    <w:rsid w:val="001F6993"/>
    <w:rsid w:val="001F7073"/>
    <w:rsid w:val="001F7293"/>
    <w:rsid w:val="001F749F"/>
    <w:rsid w:val="00202C4B"/>
    <w:rsid w:val="00203431"/>
    <w:rsid w:val="0020387D"/>
    <w:rsid w:val="002041CE"/>
    <w:rsid w:val="0020547E"/>
    <w:rsid w:val="00205527"/>
    <w:rsid w:val="00205733"/>
    <w:rsid w:val="00205997"/>
    <w:rsid w:val="00206343"/>
    <w:rsid w:val="00207703"/>
    <w:rsid w:val="0020799D"/>
    <w:rsid w:val="00210323"/>
    <w:rsid w:val="0021127E"/>
    <w:rsid w:val="00211A91"/>
    <w:rsid w:val="0021239C"/>
    <w:rsid w:val="0021380D"/>
    <w:rsid w:val="00214D0D"/>
    <w:rsid w:val="00214FBC"/>
    <w:rsid w:val="002163BA"/>
    <w:rsid w:val="002163FB"/>
    <w:rsid w:val="00216FD9"/>
    <w:rsid w:val="00217F90"/>
    <w:rsid w:val="00220436"/>
    <w:rsid w:val="002204B4"/>
    <w:rsid w:val="00221800"/>
    <w:rsid w:val="0022250D"/>
    <w:rsid w:val="002234A8"/>
    <w:rsid w:val="0022366B"/>
    <w:rsid w:val="00224831"/>
    <w:rsid w:val="00225488"/>
    <w:rsid w:val="0022552F"/>
    <w:rsid w:val="0022575F"/>
    <w:rsid w:val="002259A9"/>
    <w:rsid w:val="00225A0C"/>
    <w:rsid w:val="00226BB3"/>
    <w:rsid w:val="00226CD6"/>
    <w:rsid w:val="00226E68"/>
    <w:rsid w:val="00227439"/>
    <w:rsid w:val="002276B7"/>
    <w:rsid w:val="00227795"/>
    <w:rsid w:val="0023037F"/>
    <w:rsid w:val="002303C8"/>
    <w:rsid w:val="002306E2"/>
    <w:rsid w:val="002313F7"/>
    <w:rsid w:val="002315D0"/>
    <w:rsid w:val="00231BD5"/>
    <w:rsid w:val="002320D2"/>
    <w:rsid w:val="00232A59"/>
    <w:rsid w:val="0023331D"/>
    <w:rsid w:val="002341FC"/>
    <w:rsid w:val="00234EB7"/>
    <w:rsid w:val="00235D77"/>
    <w:rsid w:val="00236D6B"/>
    <w:rsid w:val="00237327"/>
    <w:rsid w:val="00237476"/>
    <w:rsid w:val="00240751"/>
    <w:rsid w:val="002410F8"/>
    <w:rsid w:val="00241236"/>
    <w:rsid w:val="0024128B"/>
    <w:rsid w:val="00242D3A"/>
    <w:rsid w:val="00243225"/>
    <w:rsid w:val="0024432D"/>
    <w:rsid w:val="00245C2D"/>
    <w:rsid w:val="00246CDE"/>
    <w:rsid w:val="002503F9"/>
    <w:rsid w:val="00250536"/>
    <w:rsid w:val="002507D5"/>
    <w:rsid w:val="002511B9"/>
    <w:rsid w:val="002512E0"/>
    <w:rsid w:val="00251E1D"/>
    <w:rsid w:val="00251F41"/>
    <w:rsid w:val="00252409"/>
    <w:rsid w:val="00252558"/>
    <w:rsid w:val="00252955"/>
    <w:rsid w:val="00253B92"/>
    <w:rsid w:val="00253C0F"/>
    <w:rsid w:val="00254A92"/>
    <w:rsid w:val="00254D76"/>
    <w:rsid w:val="00255631"/>
    <w:rsid w:val="002558A0"/>
    <w:rsid w:val="00255C9F"/>
    <w:rsid w:val="00255E72"/>
    <w:rsid w:val="00255F9B"/>
    <w:rsid w:val="002560B8"/>
    <w:rsid w:val="00257729"/>
    <w:rsid w:val="00257B77"/>
    <w:rsid w:val="00257BB1"/>
    <w:rsid w:val="00260695"/>
    <w:rsid w:val="00260D95"/>
    <w:rsid w:val="00260D97"/>
    <w:rsid w:val="00261061"/>
    <w:rsid w:val="002620AB"/>
    <w:rsid w:val="00262D63"/>
    <w:rsid w:val="00262E2A"/>
    <w:rsid w:val="0026486B"/>
    <w:rsid w:val="0026576D"/>
    <w:rsid w:val="002658DE"/>
    <w:rsid w:val="002665EA"/>
    <w:rsid w:val="00267366"/>
    <w:rsid w:val="0027031A"/>
    <w:rsid w:val="00271010"/>
    <w:rsid w:val="00273439"/>
    <w:rsid w:val="00273633"/>
    <w:rsid w:val="00273B3A"/>
    <w:rsid w:val="002747B6"/>
    <w:rsid w:val="00274C4E"/>
    <w:rsid w:val="00275297"/>
    <w:rsid w:val="002758B2"/>
    <w:rsid w:val="00275DA5"/>
    <w:rsid w:val="0027666C"/>
    <w:rsid w:val="0027667C"/>
    <w:rsid w:val="002773F3"/>
    <w:rsid w:val="002776C3"/>
    <w:rsid w:val="00277768"/>
    <w:rsid w:val="00277A38"/>
    <w:rsid w:val="0028094A"/>
    <w:rsid w:val="0028294E"/>
    <w:rsid w:val="00282AB7"/>
    <w:rsid w:val="002834E4"/>
    <w:rsid w:val="0028380F"/>
    <w:rsid w:val="0028410A"/>
    <w:rsid w:val="00284C9C"/>
    <w:rsid w:val="002850A2"/>
    <w:rsid w:val="00285A4D"/>
    <w:rsid w:val="00285E7A"/>
    <w:rsid w:val="002878D5"/>
    <w:rsid w:val="0028798B"/>
    <w:rsid w:val="00290304"/>
    <w:rsid w:val="002908CF"/>
    <w:rsid w:val="002915BA"/>
    <w:rsid w:val="00292827"/>
    <w:rsid w:val="00292998"/>
    <w:rsid w:val="00294918"/>
    <w:rsid w:val="002950A3"/>
    <w:rsid w:val="0029538A"/>
    <w:rsid w:val="0029579A"/>
    <w:rsid w:val="00295A33"/>
    <w:rsid w:val="00296301"/>
    <w:rsid w:val="0029638E"/>
    <w:rsid w:val="002968CB"/>
    <w:rsid w:val="00296EA3"/>
    <w:rsid w:val="00297528"/>
    <w:rsid w:val="00297C6A"/>
    <w:rsid w:val="002A0DE8"/>
    <w:rsid w:val="002A0E99"/>
    <w:rsid w:val="002A138F"/>
    <w:rsid w:val="002A156D"/>
    <w:rsid w:val="002A17F1"/>
    <w:rsid w:val="002A197D"/>
    <w:rsid w:val="002A3609"/>
    <w:rsid w:val="002A39C1"/>
    <w:rsid w:val="002A3E51"/>
    <w:rsid w:val="002A4160"/>
    <w:rsid w:val="002A4B27"/>
    <w:rsid w:val="002A4B85"/>
    <w:rsid w:val="002A4FA0"/>
    <w:rsid w:val="002A54EF"/>
    <w:rsid w:val="002A5C19"/>
    <w:rsid w:val="002A5DBD"/>
    <w:rsid w:val="002A62CF"/>
    <w:rsid w:val="002A683A"/>
    <w:rsid w:val="002A6DCE"/>
    <w:rsid w:val="002A70D0"/>
    <w:rsid w:val="002A74D3"/>
    <w:rsid w:val="002B03B9"/>
    <w:rsid w:val="002B251B"/>
    <w:rsid w:val="002B2E2E"/>
    <w:rsid w:val="002B50BF"/>
    <w:rsid w:val="002B5988"/>
    <w:rsid w:val="002B73BF"/>
    <w:rsid w:val="002B7B27"/>
    <w:rsid w:val="002B7E4C"/>
    <w:rsid w:val="002C0786"/>
    <w:rsid w:val="002C0F08"/>
    <w:rsid w:val="002C1228"/>
    <w:rsid w:val="002C13F4"/>
    <w:rsid w:val="002C17BC"/>
    <w:rsid w:val="002C1EEC"/>
    <w:rsid w:val="002C2131"/>
    <w:rsid w:val="002C218A"/>
    <w:rsid w:val="002C2679"/>
    <w:rsid w:val="002C2700"/>
    <w:rsid w:val="002C2A10"/>
    <w:rsid w:val="002C2BDD"/>
    <w:rsid w:val="002C503C"/>
    <w:rsid w:val="002C519F"/>
    <w:rsid w:val="002C51AD"/>
    <w:rsid w:val="002C5404"/>
    <w:rsid w:val="002C5CB3"/>
    <w:rsid w:val="002C5ED1"/>
    <w:rsid w:val="002D0110"/>
    <w:rsid w:val="002D16E6"/>
    <w:rsid w:val="002D266F"/>
    <w:rsid w:val="002D2A96"/>
    <w:rsid w:val="002D48A3"/>
    <w:rsid w:val="002D4BEA"/>
    <w:rsid w:val="002D51DE"/>
    <w:rsid w:val="002D54FD"/>
    <w:rsid w:val="002D69EE"/>
    <w:rsid w:val="002D727B"/>
    <w:rsid w:val="002D78A2"/>
    <w:rsid w:val="002D7AFA"/>
    <w:rsid w:val="002D7B40"/>
    <w:rsid w:val="002E07E4"/>
    <w:rsid w:val="002E0AF7"/>
    <w:rsid w:val="002E1105"/>
    <w:rsid w:val="002E17BB"/>
    <w:rsid w:val="002E1CC0"/>
    <w:rsid w:val="002E51B8"/>
    <w:rsid w:val="002E5984"/>
    <w:rsid w:val="002E5AD4"/>
    <w:rsid w:val="002E6F16"/>
    <w:rsid w:val="002F0017"/>
    <w:rsid w:val="002F08F8"/>
    <w:rsid w:val="002F0B53"/>
    <w:rsid w:val="002F2A1B"/>
    <w:rsid w:val="002F345A"/>
    <w:rsid w:val="002F3770"/>
    <w:rsid w:val="002F3863"/>
    <w:rsid w:val="002F3C66"/>
    <w:rsid w:val="002F3DF7"/>
    <w:rsid w:val="002F3E11"/>
    <w:rsid w:val="002F4118"/>
    <w:rsid w:val="002F41C8"/>
    <w:rsid w:val="002F47AB"/>
    <w:rsid w:val="002F48B4"/>
    <w:rsid w:val="002F4BA6"/>
    <w:rsid w:val="002F55E7"/>
    <w:rsid w:val="002F55F2"/>
    <w:rsid w:val="002F5865"/>
    <w:rsid w:val="002F6E28"/>
    <w:rsid w:val="002F738D"/>
    <w:rsid w:val="00300E32"/>
    <w:rsid w:val="003016E8"/>
    <w:rsid w:val="00301F48"/>
    <w:rsid w:val="003024DD"/>
    <w:rsid w:val="00302644"/>
    <w:rsid w:val="003032C9"/>
    <w:rsid w:val="0030359B"/>
    <w:rsid w:val="0030377D"/>
    <w:rsid w:val="003048AC"/>
    <w:rsid w:val="00305285"/>
    <w:rsid w:val="00306510"/>
    <w:rsid w:val="00306714"/>
    <w:rsid w:val="00306CB3"/>
    <w:rsid w:val="00307941"/>
    <w:rsid w:val="00310085"/>
    <w:rsid w:val="003102F5"/>
    <w:rsid w:val="003106B4"/>
    <w:rsid w:val="003107B0"/>
    <w:rsid w:val="00312EF5"/>
    <w:rsid w:val="003130F4"/>
    <w:rsid w:val="00314678"/>
    <w:rsid w:val="00314777"/>
    <w:rsid w:val="00315224"/>
    <w:rsid w:val="003153EE"/>
    <w:rsid w:val="00315535"/>
    <w:rsid w:val="003159A1"/>
    <w:rsid w:val="003163FA"/>
    <w:rsid w:val="0031643A"/>
    <w:rsid w:val="003165D0"/>
    <w:rsid w:val="00316B7B"/>
    <w:rsid w:val="00316F51"/>
    <w:rsid w:val="0031750E"/>
    <w:rsid w:val="00317CAC"/>
    <w:rsid w:val="003204DC"/>
    <w:rsid w:val="003214D9"/>
    <w:rsid w:val="00321B16"/>
    <w:rsid w:val="00321CFE"/>
    <w:rsid w:val="00322C95"/>
    <w:rsid w:val="003230A4"/>
    <w:rsid w:val="003235B2"/>
    <w:rsid w:val="00323F06"/>
    <w:rsid w:val="00324300"/>
    <w:rsid w:val="00324849"/>
    <w:rsid w:val="003251EE"/>
    <w:rsid w:val="00325430"/>
    <w:rsid w:val="00325BD1"/>
    <w:rsid w:val="00325C64"/>
    <w:rsid w:val="00325E78"/>
    <w:rsid w:val="003263CB"/>
    <w:rsid w:val="00326696"/>
    <w:rsid w:val="003268D3"/>
    <w:rsid w:val="00326E9D"/>
    <w:rsid w:val="00330AA0"/>
    <w:rsid w:val="00330B91"/>
    <w:rsid w:val="00331E2D"/>
    <w:rsid w:val="0033286B"/>
    <w:rsid w:val="00332AB7"/>
    <w:rsid w:val="00332E71"/>
    <w:rsid w:val="0033386D"/>
    <w:rsid w:val="00333BCC"/>
    <w:rsid w:val="00334397"/>
    <w:rsid w:val="003352BD"/>
    <w:rsid w:val="003353A4"/>
    <w:rsid w:val="003353F9"/>
    <w:rsid w:val="003355BA"/>
    <w:rsid w:val="00335785"/>
    <w:rsid w:val="00335C2E"/>
    <w:rsid w:val="00336194"/>
    <w:rsid w:val="0033634F"/>
    <w:rsid w:val="00336F86"/>
    <w:rsid w:val="00337EB2"/>
    <w:rsid w:val="00337FF5"/>
    <w:rsid w:val="0034097F"/>
    <w:rsid w:val="00340B11"/>
    <w:rsid w:val="00341748"/>
    <w:rsid w:val="003425DD"/>
    <w:rsid w:val="003443DC"/>
    <w:rsid w:val="003446FC"/>
    <w:rsid w:val="0034497B"/>
    <w:rsid w:val="00345DD7"/>
    <w:rsid w:val="003462EE"/>
    <w:rsid w:val="003467A7"/>
    <w:rsid w:val="003469D4"/>
    <w:rsid w:val="00347ED7"/>
    <w:rsid w:val="0035021E"/>
    <w:rsid w:val="00351144"/>
    <w:rsid w:val="00351EAB"/>
    <w:rsid w:val="00353FFE"/>
    <w:rsid w:val="003541F5"/>
    <w:rsid w:val="00354AE6"/>
    <w:rsid w:val="00355743"/>
    <w:rsid w:val="00355A82"/>
    <w:rsid w:val="00356F47"/>
    <w:rsid w:val="00360333"/>
    <w:rsid w:val="00360938"/>
    <w:rsid w:val="003609AF"/>
    <w:rsid w:val="00360CCF"/>
    <w:rsid w:val="00361456"/>
    <w:rsid w:val="003615F1"/>
    <w:rsid w:val="00361B2A"/>
    <w:rsid w:val="00361C2C"/>
    <w:rsid w:val="00361D74"/>
    <w:rsid w:val="00361E4B"/>
    <w:rsid w:val="00362FE0"/>
    <w:rsid w:val="003631C6"/>
    <w:rsid w:val="00364495"/>
    <w:rsid w:val="003653BD"/>
    <w:rsid w:val="00365457"/>
    <w:rsid w:val="00365927"/>
    <w:rsid w:val="00366A53"/>
    <w:rsid w:val="00366B59"/>
    <w:rsid w:val="003708B2"/>
    <w:rsid w:val="00371641"/>
    <w:rsid w:val="0037367A"/>
    <w:rsid w:val="0037468D"/>
    <w:rsid w:val="00374ABB"/>
    <w:rsid w:val="00374CEB"/>
    <w:rsid w:val="003757BF"/>
    <w:rsid w:val="003758A0"/>
    <w:rsid w:val="00375CE7"/>
    <w:rsid w:val="0037601F"/>
    <w:rsid w:val="003777DC"/>
    <w:rsid w:val="00377B50"/>
    <w:rsid w:val="00377D65"/>
    <w:rsid w:val="00380591"/>
    <w:rsid w:val="00382043"/>
    <w:rsid w:val="00382788"/>
    <w:rsid w:val="00383327"/>
    <w:rsid w:val="0038367A"/>
    <w:rsid w:val="00383B19"/>
    <w:rsid w:val="00385108"/>
    <w:rsid w:val="0038541F"/>
    <w:rsid w:val="00385568"/>
    <w:rsid w:val="003904FE"/>
    <w:rsid w:val="00390B58"/>
    <w:rsid w:val="003917DB"/>
    <w:rsid w:val="00391943"/>
    <w:rsid w:val="00391E3B"/>
    <w:rsid w:val="003926AC"/>
    <w:rsid w:val="003927B4"/>
    <w:rsid w:val="00393598"/>
    <w:rsid w:val="003937B9"/>
    <w:rsid w:val="00393B34"/>
    <w:rsid w:val="003940AB"/>
    <w:rsid w:val="003948C6"/>
    <w:rsid w:val="003949DE"/>
    <w:rsid w:val="00394C7D"/>
    <w:rsid w:val="00395132"/>
    <w:rsid w:val="00396091"/>
    <w:rsid w:val="00396663"/>
    <w:rsid w:val="00397128"/>
    <w:rsid w:val="003A08DD"/>
    <w:rsid w:val="003A170F"/>
    <w:rsid w:val="003A1820"/>
    <w:rsid w:val="003A1E33"/>
    <w:rsid w:val="003A298F"/>
    <w:rsid w:val="003A2C36"/>
    <w:rsid w:val="003A33F2"/>
    <w:rsid w:val="003A3659"/>
    <w:rsid w:val="003A442B"/>
    <w:rsid w:val="003A53ED"/>
    <w:rsid w:val="003A568F"/>
    <w:rsid w:val="003A5691"/>
    <w:rsid w:val="003A5DBC"/>
    <w:rsid w:val="003A5ED3"/>
    <w:rsid w:val="003A742E"/>
    <w:rsid w:val="003B0518"/>
    <w:rsid w:val="003B0525"/>
    <w:rsid w:val="003B13E7"/>
    <w:rsid w:val="003B1CB3"/>
    <w:rsid w:val="003B2797"/>
    <w:rsid w:val="003B4BF1"/>
    <w:rsid w:val="003B4D26"/>
    <w:rsid w:val="003B58D9"/>
    <w:rsid w:val="003B5EF0"/>
    <w:rsid w:val="003B65EF"/>
    <w:rsid w:val="003B6F94"/>
    <w:rsid w:val="003B7145"/>
    <w:rsid w:val="003B7426"/>
    <w:rsid w:val="003B7903"/>
    <w:rsid w:val="003C03A4"/>
    <w:rsid w:val="003C0A2E"/>
    <w:rsid w:val="003C1744"/>
    <w:rsid w:val="003C17A2"/>
    <w:rsid w:val="003C1B51"/>
    <w:rsid w:val="003C1F9E"/>
    <w:rsid w:val="003C20AF"/>
    <w:rsid w:val="003C2406"/>
    <w:rsid w:val="003C2B09"/>
    <w:rsid w:val="003C3521"/>
    <w:rsid w:val="003C42AB"/>
    <w:rsid w:val="003C43E7"/>
    <w:rsid w:val="003C497D"/>
    <w:rsid w:val="003C568F"/>
    <w:rsid w:val="003C5D7D"/>
    <w:rsid w:val="003C5ED9"/>
    <w:rsid w:val="003C689D"/>
    <w:rsid w:val="003C69B9"/>
    <w:rsid w:val="003C70D1"/>
    <w:rsid w:val="003C70EE"/>
    <w:rsid w:val="003C7C1C"/>
    <w:rsid w:val="003D0F8A"/>
    <w:rsid w:val="003D2B26"/>
    <w:rsid w:val="003D3117"/>
    <w:rsid w:val="003D36B5"/>
    <w:rsid w:val="003D3C26"/>
    <w:rsid w:val="003D4439"/>
    <w:rsid w:val="003D45F1"/>
    <w:rsid w:val="003D49C6"/>
    <w:rsid w:val="003D4E03"/>
    <w:rsid w:val="003D55BD"/>
    <w:rsid w:val="003D572F"/>
    <w:rsid w:val="003D5933"/>
    <w:rsid w:val="003D6867"/>
    <w:rsid w:val="003E0158"/>
    <w:rsid w:val="003E08B8"/>
    <w:rsid w:val="003E1291"/>
    <w:rsid w:val="003E2AE9"/>
    <w:rsid w:val="003E2BA7"/>
    <w:rsid w:val="003E2CA7"/>
    <w:rsid w:val="003E4E69"/>
    <w:rsid w:val="003E586F"/>
    <w:rsid w:val="003E6BBD"/>
    <w:rsid w:val="003E71DA"/>
    <w:rsid w:val="003E72E5"/>
    <w:rsid w:val="003E7C18"/>
    <w:rsid w:val="003F0551"/>
    <w:rsid w:val="003F0854"/>
    <w:rsid w:val="003F118A"/>
    <w:rsid w:val="003F13D3"/>
    <w:rsid w:val="003F231A"/>
    <w:rsid w:val="003F246C"/>
    <w:rsid w:val="003F28EE"/>
    <w:rsid w:val="003F2D88"/>
    <w:rsid w:val="003F2FC1"/>
    <w:rsid w:val="003F3342"/>
    <w:rsid w:val="003F3D3F"/>
    <w:rsid w:val="003F5485"/>
    <w:rsid w:val="003F6B89"/>
    <w:rsid w:val="003F6C90"/>
    <w:rsid w:val="003F7615"/>
    <w:rsid w:val="003F76AB"/>
    <w:rsid w:val="004001C2"/>
    <w:rsid w:val="00400D52"/>
    <w:rsid w:val="004011AA"/>
    <w:rsid w:val="004011E6"/>
    <w:rsid w:val="00401289"/>
    <w:rsid w:val="00401E69"/>
    <w:rsid w:val="0040237E"/>
    <w:rsid w:val="004023E9"/>
    <w:rsid w:val="0040279B"/>
    <w:rsid w:val="00403D45"/>
    <w:rsid w:val="00404C19"/>
    <w:rsid w:val="0040561B"/>
    <w:rsid w:val="00406437"/>
    <w:rsid w:val="00406B84"/>
    <w:rsid w:val="004071CD"/>
    <w:rsid w:val="00407B0E"/>
    <w:rsid w:val="00407FAA"/>
    <w:rsid w:val="0041062A"/>
    <w:rsid w:val="004111CD"/>
    <w:rsid w:val="004117C7"/>
    <w:rsid w:val="00411C27"/>
    <w:rsid w:val="0041247D"/>
    <w:rsid w:val="00412CB9"/>
    <w:rsid w:val="004134BB"/>
    <w:rsid w:val="00413870"/>
    <w:rsid w:val="0041475C"/>
    <w:rsid w:val="00414E3A"/>
    <w:rsid w:val="00415445"/>
    <w:rsid w:val="004155AB"/>
    <w:rsid w:val="0041595E"/>
    <w:rsid w:val="00415E68"/>
    <w:rsid w:val="004163ED"/>
    <w:rsid w:val="004168C7"/>
    <w:rsid w:val="004171D6"/>
    <w:rsid w:val="00417AA8"/>
    <w:rsid w:val="00420026"/>
    <w:rsid w:val="004212B9"/>
    <w:rsid w:val="004214B3"/>
    <w:rsid w:val="004222C9"/>
    <w:rsid w:val="00423241"/>
    <w:rsid w:val="00423E05"/>
    <w:rsid w:val="00424BFD"/>
    <w:rsid w:val="00425B91"/>
    <w:rsid w:val="00426718"/>
    <w:rsid w:val="004308AB"/>
    <w:rsid w:val="00430E66"/>
    <w:rsid w:val="00430F51"/>
    <w:rsid w:val="004320B2"/>
    <w:rsid w:val="00432615"/>
    <w:rsid w:val="00433AC1"/>
    <w:rsid w:val="00434224"/>
    <w:rsid w:val="004346D3"/>
    <w:rsid w:val="00434C8D"/>
    <w:rsid w:val="00434FE1"/>
    <w:rsid w:val="00435630"/>
    <w:rsid w:val="00435DFD"/>
    <w:rsid w:val="00440F6C"/>
    <w:rsid w:val="00442949"/>
    <w:rsid w:val="00442DD1"/>
    <w:rsid w:val="00443333"/>
    <w:rsid w:val="004439C4"/>
    <w:rsid w:val="00443E16"/>
    <w:rsid w:val="004440F4"/>
    <w:rsid w:val="00445C19"/>
    <w:rsid w:val="004462A9"/>
    <w:rsid w:val="004462DB"/>
    <w:rsid w:val="00447B00"/>
    <w:rsid w:val="00447D5C"/>
    <w:rsid w:val="00447F64"/>
    <w:rsid w:val="0045006F"/>
    <w:rsid w:val="00450E35"/>
    <w:rsid w:val="00450FD7"/>
    <w:rsid w:val="004515E0"/>
    <w:rsid w:val="00451CA0"/>
    <w:rsid w:val="00451CF1"/>
    <w:rsid w:val="00452471"/>
    <w:rsid w:val="004530F0"/>
    <w:rsid w:val="00454494"/>
    <w:rsid w:val="00454F65"/>
    <w:rsid w:val="004552DF"/>
    <w:rsid w:val="00455CD8"/>
    <w:rsid w:val="00456628"/>
    <w:rsid w:val="00457363"/>
    <w:rsid w:val="00457EA1"/>
    <w:rsid w:val="0046035C"/>
    <w:rsid w:val="00460BA1"/>
    <w:rsid w:val="0046160E"/>
    <w:rsid w:val="00461C82"/>
    <w:rsid w:val="00462D39"/>
    <w:rsid w:val="00463385"/>
    <w:rsid w:val="004635F9"/>
    <w:rsid w:val="00463BA1"/>
    <w:rsid w:val="004650A7"/>
    <w:rsid w:val="00465B61"/>
    <w:rsid w:val="00466E6F"/>
    <w:rsid w:val="00466FF1"/>
    <w:rsid w:val="0046722F"/>
    <w:rsid w:val="00467713"/>
    <w:rsid w:val="004677FC"/>
    <w:rsid w:val="00467867"/>
    <w:rsid w:val="00467C9B"/>
    <w:rsid w:val="00471260"/>
    <w:rsid w:val="00471603"/>
    <w:rsid w:val="00471FB5"/>
    <w:rsid w:val="00472496"/>
    <w:rsid w:val="00472CCC"/>
    <w:rsid w:val="00473489"/>
    <w:rsid w:val="00473C96"/>
    <w:rsid w:val="00474EC5"/>
    <w:rsid w:val="00476254"/>
    <w:rsid w:val="00476631"/>
    <w:rsid w:val="00476874"/>
    <w:rsid w:val="004771C0"/>
    <w:rsid w:val="00477775"/>
    <w:rsid w:val="00477B06"/>
    <w:rsid w:val="00482692"/>
    <w:rsid w:val="004830B7"/>
    <w:rsid w:val="004837F5"/>
    <w:rsid w:val="004860C8"/>
    <w:rsid w:val="00486636"/>
    <w:rsid w:val="00486668"/>
    <w:rsid w:val="00486719"/>
    <w:rsid w:val="00486C64"/>
    <w:rsid w:val="00487AB9"/>
    <w:rsid w:val="004905B2"/>
    <w:rsid w:val="00492508"/>
    <w:rsid w:val="0049294F"/>
    <w:rsid w:val="004931E4"/>
    <w:rsid w:val="00493B79"/>
    <w:rsid w:val="00494403"/>
    <w:rsid w:val="004946AF"/>
    <w:rsid w:val="00495A58"/>
    <w:rsid w:val="00496411"/>
    <w:rsid w:val="00497628"/>
    <w:rsid w:val="004978CD"/>
    <w:rsid w:val="00497A4A"/>
    <w:rsid w:val="004A029E"/>
    <w:rsid w:val="004A1476"/>
    <w:rsid w:val="004A14F1"/>
    <w:rsid w:val="004A15B7"/>
    <w:rsid w:val="004A15E0"/>
    <w:rsid w:val="004A17D8"/>
    <w:rsid w:val="004A1C5B"/>
    <w:rsid w:val="004A2026"/>
    <w:rsid w:val="004A35A7"/>
    <w:rsid w:val="004A3778"/>
    <w:rsid w:val="004A4D6E"/>
    <w:rsid w:val="004A4EEB"/>
    <w:rsid w:val="004A5944"/>
    <w:rsid w:val="004A67C0"/>
    <w:rsid w:val="004A6942"/>
    <w:rsid w:val="004A7A8B"/>
    <w:rsid w:val="004A7B8E"/>
    <w:rsid w:val="004A7C4E"/>
    <w:rsid w:val="004A7DBF"/>
    <w:rsid w:val="004B0BBA"/>
    <w:rsid w:val="004B0EF8"/>
    <w:rsid w:val="004B13F9"/>
    <w:rsid w:val="004B27EE"/>
    <w:rsid w:val="004B2870"/>
    <w:rsid w:val="004B38BD"/>
    <w:rsid w:val="004B4066"/>
    <w:rsid w:val="004B479E"/>
    <w:rsid w:val="004B60A7"/>
    <w:rsid w:val="004B7642"/>
    <w:rsid w:val="004B76D3"/>
    <w:rsid w:val="004C1465"/>
    <w:rsid w:val="004C200E"/>
    <w:rsid w:val="004C34E8"/>
    <w:rsid w:val="004C3B28"/>
    <w:rsid w:val="004C4429"/>
    <w:rsid w:val="004C44C4"/>
    <w:rsid w:val="004C4AC4"/>
    <w:rsid w:val="004C5847"/>
    <w:rsid w:val="004C5CC3"/>
    <w:rsid w:val="004C63D3"/>
    <w:rsid w:val="004C72F3"/>
    <w:rsid w:val="004C7508"/>
    <w:rsid w:val="004D0113"/>
    <w:rsid w:val="004D03EA"/>
    <w:rsid w:val="004D0769"/>
    <w:rsid w:val="004D087A"/>
    <w:rsid w:val="004D0B26"/>
    <w:rsid w:val="004D1A87"/>
    <w:rsid w:val="004D3045"/>
    <w:rsid w:val="004D36E2"/>
    <w:rsid w:val="004D3D8D"/>
    <w:rsid w:val="004D4708"/>
    <w:rsid w:val="004D4860"/>
    <w:rsid w:val="004D5376"/>
    <w:rsid w:val="004D6261"/>
    <w:rsid w:val="004D6735"/>
    <w:rsid w:val="004D6DE0"/>
    <w:rsid w:val="004D6F19"/>
    <w:rsid w:val="004D7625"/>
    <w:rsid w:val="004E068D"/>
    <w:rsid w:val="004E06F8"/>
    <w:rsid w:val="004E1042"/>
    <w:rsid w:val="004E1807"/>
    <w:rsid w:val="004E20F4"/>
    <w:rsid w:val="004E28C4"/>
    <w:rsid w:val="004E3003"/>
    <w:rsid w:val="004E3280"/>
    <w:rsid w:val="004E4DC7"/>
    <w:rsid w:val="004E54AA"/>
    <w:rsid w:val="004E5CA8"/>
    <w:rsid w:val="004E6407"/>
    <w:rsid w:val="004E7F94"/>
    <w:rsid w:val="004F01A8"/>
    <w:rsid w:val="004F02AA"/>
    <w:rsid w:val="004F0C5C"/>
    <w:rsid w:val="004F138A"/>
    <w:rsid w:val="004F14CD"/>
    <w:rsid w:val="004F1583"/>
    <w:rsid w:val="004F20AB"/>
    <w:rsid w:val="004F269E"/>
    <w:rsid w:val="004F2B33"/>
    <w:rsid w:val="004F2B4D"/>
    <w:rsid w:val="004F4A41"/>
    <w:rsid w:val="004F4B50"/>
    <w:rsid w:val="004F61F3"/>
    <w:rsid w:val="004F780E"/>
    <w:rsid w:val="005008CC"/>
    <w:rsid w:val="0050191D"/>
    <w:rsid w:val="00501C92"/>
    <w:rsid w:val="00502024"/>
    <w:rsid w:val="005020AC"/>
    <w:rsid w:val="005037F6"/>
    <w:rsid w:val="00503AC6"/>
    <w:rsid w:val="005046FF"/>
    <w:rsid w:val="005055E4"/>
    <w:rsid w:val="005057A4"/>
    <w:rsid w:val="00507C0D"/>
    <w:rsid w:val="005102F1"/>
    <w:rsid w:val="005104C3"/>
    <w:rsid w:val="0051063B"/>
    <w:rsid w:val="00510903"/>
    <w:rsid w:val="005111D8"/>
    <w:rsid w:val="005113DA"/>
    <w:rsid w:val="00511823"/>
    <w:rsid w:val="005125C2"/>
    <w:rsid w:val="005128B9"/>
    <w:rsid w:val="0051350C"/>
    <w:rsid w:val="00513AFD"/>
    <w:rsid w:val="005140F3"/>
    <w:rsid w:val="00514191"/>
    <w:rsid w:val="00514847"/>
    <w:rsid w:val="00515850"/>
    <w:rsid w:val="00515C1A"/>
    <w:rsid w:val="00516A07"/>
    <w:rsid w:val="00517842"/>
    <w:rsid w:val="00517EAC"/>
    <w:rsid w:val="00520004"/>
    <w:rsid w:val="00520B33"/>
    <w:rsid w:val="00520BDE"/>
    <w:rsid w:val="005220C4"/>
    <w:rsid w:val="0052257B"/>
    <w:rsid w:val="0052309E"/>
    <w:rsid w:val="00523320"/>
    <w:rsid w:val="0052348C"/>
    <w:rsid w:val="0052354D"/>
    <w:rsid w:val="005245D1"/>
    <w:rsid w:val="00526033"/>
    <w:rsid w:val="00526E1B"/>
    <w:rsid w:val="005305A3"/>
    <w:rsid w:val="005312A7"/>
    <w:rsid w:val="00531588"/>
    <w:rsid w:val="005326D4"/>
    <w:rsid w:val="00533B18"/>
    <w:rsid w:val="00533B21"/>
    <w:rsid w:val="005340C9"/>
    <w:rsid w:val="005340CA"/>
    <w:rsid w:val="005345AD"/>
    <w:rsid w:val="00534F79"/>
    <w:rsid w:val="00535283"/>
    <w:rsid w:val="00535523"/>
    <w:rsid w:val="00535A8E"/>
    <w:rsid w:val="00536262"/>
    <w:rsid w:val="00536366"/>
    <w:rsid w:val="0053669F"/>
    <w:rsid w:val="00536791"/>
    <w:rsid w:val="00536BD0"/>
    <w:rsid w:val="005377B2"/>
    <w:rsid w:val="00540C52"/>
    <w:rsid w:val="00541164"/>
    <w:rsid w:val="005411EF"/>
    <w:rsid w:val="005418FE"/>
    <w:rsid w:val="00542520"/>
    <w:rsid w:val="00542898"/>
    <w:rsid w:val="0054343D"/>
    <w:rsid w:val="00543870"/>
    <w:rsid w:val="0054394A"/>
    <w:rsid w:val="00545388"/>
    <w:rsid w:val="0054675A"/>
    <w:rsid w:val="0054737F"/>
    <w:rsid w:val="00547AC9"/>
    <w:rsid w:val="00547ED3"/>
    <w:rsid w:val="00547F86"/>
    <w:rsid w:val="005520FA"/>
    <w:rsid w:val="005523FD"/>
    <w:rsid w:val="00552455"/>
    <w:rsid w:val="00552612"/>
    <w:rsid w:val="00553651"/>
    <w:rsid w:val="00553CDA"/>
    <w:rsid w:val="00554EFD"/>
    <w:rsid w:val="00555D30"/>
    <w:rsid w:val="00556773"/>
    <w:rsid w:val="00557B5B"/>
    <w:rsid w:val="00557C52"/>
    <w:rsid w:val="00560CD9"/>
    <w:rsid w:val="0056138D"/>
    <w:rsid w:val="00561510"/>
    <w:rsid w:val="0056177E"/>
    <w:rsid w:val="00561A1B"/>
    <w:rsid w:val="005627C7"/>
    <w:rsid w:val="005632CA"/>
    <w:rsid w:val="00563759"/>
    <w:rsid w:val="00564959"/>
    <w:rsid w:val="00564E99"/>
    <w:rsid w:val="005656F9"/>
    <w:rsid w:val="005657F5"/>
    <w:rsid w:val="00565B95"/>
    <w:rsid w:val="00566445"/>
    <w:rsid w:val="0056718F"/>
    <w:rsid w:val="00567CDE"/>
    <w:rsid w:val="00567DF7"/>
    <w:rsid w:val="0057054F"/>
    <w:rsid w:val="005716B7"/>
    <w:rsid w:val="00571C48"/>
    <w:rsid w:val="00573312"/>
    <w:rsid w:val="0057376C"/>
    <w:rsid w:val="00573A2D"/>
    <w:rsid w:val="0057425A"/>
    <w:rsid w:val="00574522"/>
    <w:rsid w:val="0057540A"/>
    <w:rsid w:val="00575524"/>
    <w:rsid w:val="00575C56"/>
    <w:rsid w:val="00577A47"/>
    <w:rsid w:val="0058011D"/>
    <w:rsid w:val="00580C16"/>
    <w:rsid w:val="00581A5A"/>
    <w:rsid w:val="00581F03"/>
    <w:rsid w:val="00583984"/>
    <w:rsid w:val="00583DAF"/>
    <w:rsid w:val="005840BD"/>
    <w:rsid w:val="00584308"/>
    <w:rsid w:val="005844FC"/>
    <w:rsid w:val="00585C04"/>
    <w:rsid w:val="00586257"/>
    <w:rsid w:val="005870AC"/>
    <w:rsid w:val="005873E7"/>
    <w:rsid w:val="00587E98"/>
    <w:rsid w:val="00587FD9"/>
    <w:rsid w:val="005909C3"/>
    <w:rsid w:val="00591790"/>
    <w:rsid w:val="005918B9"/>
    <w:rsid w:val="00591F10"/>
    <w:rsid w:val="00593841"/>
    <w:rsid w:val="00595B95"/>
    <w:rsid w:val="0059608C"/>
    <w:rsid w:val="0059662E"/>
    <w:rsid w:val="00596D46"/>
    <w:rsid w:val="005977A3"/>
    <w:rsid w:val="005A03B3"/>
    <w:rsid w:val="005A06A8"/>
    <w:rsid w:val="005A0C8A"/>
    <w:rsid w:val="005A0EA2"/>
    <w:rsid w:val="005A174A"/>
    <w:rsid w:val="005A17A2"/>
    <w:rsid w:val="005A2925"/>
    <w:rsid w:val="005A2E27"/>
    <w:rsid w:val="005A35DB"/>
    <w:rsid w:val="005A53FC"/>
    <w:rsid w:val="005A5B7F"/>
    <w:rsid w:val="005A5C4D"/>
    <w:rsid w:val="005A6D1D"/>
    <w:rsid w:val="005A708B"/>
    <w:rsid w:val="005A724D"/>
    <w:rsid w:val="005B0018"/>
    <w:rsid w:val="005B061E"/>
    <w:rsid w:val="005B090C"/>
    <w:rsid w:val="005B11A2"/>
    <w:rsid w:val="005B177A"/>
    <w:rsid w:val="005B1C46"/>
    <w:rsid w:val="005B1DA5"/>
    <w:rsid w:val="005B2046"/>
    <w:rsid w:val="005B205D"/>
    <w:rsid w:val="005B2D3F"/>
    <w:rsid w:val="005B4EFD"/>
    <w:rsid w:val="005B62C8"/>
    <w:rsid w:val="005B6460"/>
    <w:rsid w:val="005B6708"/>
    <w:rsid w:val="005B7063"/>
    <w:rsid w:val="005B7096"/>
    <w:rsid w:val="005B70EA"/>
    <w:rsid w:val="005B7592"/>
    <w:rsid w:val="005B7DE7"/>
    <w:rsid w:val="005C08FD"/>
    <w:rsid w:val="005C0A26"/>
    <w:rsid w:val="005C21B7"/>
    <w:rsid w:val="005C29EE"/>
    <w:rsid w:val="005C31B5"/>
    <w:rsid w:val="005C461C"/>
    <w:rsid w:val="005C4738"/>
    <w:rsid w:val="005C4B93"/>
    <w:rsid w:val="005C5866"/>
    <w:rsid w:val="005C58BF"/>
    <w:rsid w:val="005C64CC"/>
    <w:rsid w:val="005C6EB7"/>
    <w:rsid w:val="005C715A"/>
    <w:rsid w:val="005C7927"/>
    <w:rsid w:val="005D09C4"/>
    <w:rsid w:val="005D1786"/>
    <w:rsid w:val="005D1AC0"/>
    <w:rsid w:val="005D20BE"/>
    <w:rsid w:val="005D279D"/>
    <w:rsid w:val="005D28BE"/>
    <w:rsid w:val="005D32FB"/>
    <w:rsid w:val="005D39E7"/>
    <w:rsid w:val="005D3A2F"/>
    <w:rsid w:val="005D3FA8"/>
    <w:rsid w:val="005D469E"/>
    <w:rsid w:val="005D49BF"/>
    <w:rsid w:val="005D4BAB"/>
    <w:rsid w:val="005D4F8A"/>
    <w:rsid w:val="005D50D1"/>
    <w:rsid w:val="005D51D5"/>
    <w:rsid w:val="005D574E"/>
    <w:rsid w:val="005D62E1"/>
    <w:rsid w:val="005D798F"/>
    <w:rsid w:val="005D7A21"/>
    <w:rsid w:val="005E0872"/>
    <w:rsid w:val="005E08A2"/>
    <w:rsid w:val="005E142D"/>
    <w:rsid w:val="005E1633"/>
    <w:rsid w:val="005E2C82"/>
    <w:rsid w:val="005E341F"/>
    <w:rsid w:val="005E4168"/>
    <w:rsid w:val="005E4A7E"/>
    <w:rsid w:val="005E4C2F"/>
    <w:rsid w:val="005E4C30"/>
    <w:rsid w:val="005E6495"/>
    <w:rsid w:val="005E6995"/>
    <w:rsid w:val="005E7864"/>
    <w:rsid w:val="005F15EA"/>
    <w:rsid w:val="005F1E41"/>
    <w:rsid w:val="005F239B"/>
    <w:rsid w:val="005F23E9"/>
    <w:rsid w:val="005F244B"/>
    <w:rsid w:val="005F271A"/>
    <w:rsid w:val="005F2944"/>
    <w:rsid w:val="005F2DE6"/>
    <w:rsid w:val="005F32FB"/>
    <w:rsid w:val="005F3C5D"/>
    <w:rsid w:val="005F472B"/>
    <w:rsid w:val="005F54D4"/>
    <w:rsid w:val="005F5EE3"/>
    <w:rsid w:val="005F68CE"/>
    <w:rsid w:val="005F7421"/>
    <w:rsid w:val="005F77A7"/>
    <w:rsid w:val="006013E1"/>
    <w:rsid w:val="0060300D"/>
    <w:rsid w:val="006034A3"/>
    <w:rsid w:val="0060375E"/>
    <w:rsid w:val="006037C6"/>
    <w:rsid w:val="00603AD1"/>
    <w:rsid w:val="00603AE2"/>
    <w:rsid w:val="00603F0A"/>
    <w:rsid w:val="00604181"/>
    <w:rsid w:val="0060437C"/>
    <w:rsid w:val="00604A83"/>
    <w:rsid w:val="00604CA3"/>
    <w:rsid w:val="00606AA1"/>
    <w:rsid w:val="00606B7A"/>
    <w:rsid w:val="00606FE0"/>
    <w:rsid w:val="0060742D"/>
    <w:rsid w:val="006076DF"/>
    <w:rsid w:val="00607906"/>
    <w:rsid w:val="006100D3"/>
    <w:rsid w:val="006103E4"/>
    <w:rsid w:val="00611278"/>
    <w:rsid w:val="006117B3"/>
    <w:rsid w:val="00612923"/>
    <w:rsid w:val="006129E9"/>
    <w:rsid w:val="00613158"/>
    <w:rsid w:val="006133EA"/>
    <w:rsid w:val="0061365D"/>
    <w:rsid w:val="00613F33"/>
    <w:rsid w:val="00614748"/>
    <w:rsid w:val="00615CDA"/>
    <w:rsid w:val="006164D0"/>
    <w:rsid w:val="00621569"/>
    <w:rsid w:val="00621A6E"/>
    <w:rsid w:val="0062202A"/>
    <w:rsid w:val="00622611"/>
    <w:rsid w:val="00623518"/>
    <w:rsid w:val="00623614"/>
    <w:rsid w:val="00624AD0"/>
    <w:rsid w:val="006256BB"/>
    <w:rsid w:val="00625E7D"/>
    <w:rsid w:val="00626BF2"/>
    <w:rsid w:val="006303E0"/>
    <w:rsid w:val="006312E0"/>
    <w:rsid w:val="00631389"/>
    <w:rsid w:val="00631611"/>
    <w:rsid w:val="00631B5F"/>
    <w:rsid w:val="0063274F"/>
    <w:rsid w:val="006331E8"/>
    <w:rsid w:val="00634732"/>
    <w:rsid w:val="006354F5"/>
    <w:rsid w:val="00635C6C"/>
    <w:rsid w:val="00637CD9"/>
    <w:rsid w:val="00641085"/>
    <w:rsid w:val="006411E7"/>
    <w:rsid w:val="00641306"/>
    <w:rsid w:val="00641B08"/>
    <w:rsid w:val="006420A3"/>
    <w:rsid w:val="00642B0C"/>
    <w:rsid w:val="00642C7D"/>
    <w:rsid w:val="00643E74"/>
    <w:rsid w:val="00646DD8"/>
    <w:rsid w:val="006475D5"/>
    <w:rsid w:val="006475E8"/>
    <w:rsid w:val="0064796D"/>
    <w:rsid w:val="0065272E"/>
    <w:rsid w:val="00652A30"/>
    <w:rsid w:val="00652A5D"/>
    <w:rsid w:val="00653667"/>
    <w:rsid w:val="00654EE7"/>
    <w:rsid w:val="006556ED"/>
    <w:rsid w:val="00655969"/>
    <w:rsid w:val="006565B0"/>
    <w:rsid w:val="00656708"/>
    <w:rsid w:val="006568E8"/>
    <w:rsid w:val="00657142"/>
    <w:rsid w:val="006575EE"/>
    <w:rsid w:val="006601EA"/>
    <w:rsid w:val="006607B0"/>
    <w:rsid w:val="00660BD5"/>
    <w:rsid w:val="0066208B"/>
    <w:rsid w:val="00662774"/>
    <w:rsid w:val="0066323C"/>
    <w:rsid w:val="0066349B"/>
    <w:rsid w:val="00663581"/>
    <w:rsid w:val="00664826"/>
    <w:rsid w:val="00666100"/>
    <w:rsid w:val="006668E4"/>
    <w:rsid w:val="006670C3"/>
    <w:rsid w:val="00670685"/>
    <w:rsid w:val="00670AFD"/>
    <w:rsid w:val="0067155E"/>
    <w:rsid w:val="0067195B"/>
    <w:rsid w:val="00671C1F"/>
    <w:rsid w:val="00671DB0"/>
    <w:rsid w:val="00672211"/>
    <w:rsid w:val="00672313"/>
    <w:rsid w:val="0067245F"/>
    <w:rsid w:val="00672B27"/>
    <w:rsid w:val="00673142"/>
    <w:rsid w:val="00673B60"/>
    <w:rsid w:val="00673F13"/>
    <w:rsid w:val="0067429E"/>
    <w:rsid w:val="00674657"/>
    <w:rsid w:val="00674D36"/>
    <w:rsid w:val="00675B1D"/>
    <w:rsid w:val="006764CA"/>
    <w:rsid w:val="00676931"/>
    <w:rsid w:val="00676B27"/>
    <w:rsid w:val="0067762C"/>
    <w:rsid w:val="006827CE"/>
    <w:rsid w:val="00682E2E"/>
    <w:rsid w:val="00683399"/>
    <w:rsid w:val="00683DDE"/>
    <w:rsid w:val="00684FE2"/>
    <w:rsid w:val="006856B3"/>
    <w:rsid w:val="00685D28"/>
    <w:rsid w:val="006860AB"/>
    <w:rsid w:val="00686BA0"/>
    <w:rsid w:val="006875F9"/>
    <w:rsid w:val="00687B91"/>
    <w:rsid w:val="0069026F"/>
    <w:rsid w:val="00690C6C"/>
    <w:rsid w:val="00690CCF"/>
    <w:rsid w:val="0069189E"/>
    <w:rsid w:val="00692E6E"/>
    <w:rsid w:val="006936A4"/>
    <w:rsid w:val="00693794"/>
    <w:rsid w:val="00693875"/>
    <w:rsid w:val="00694C5B"/>
    <w:rsid w:val="0069613D"/>
    <w:rsid w:val="006971A1"/>
    <w:rsid w:val="00697325"/>
    <w:rsid w:val="00697F3A"/>
    <w:rsid w:val="006A0417"/>
    <w:rsid w:val="006A0A54"/>
    <w:rsid w:val="006A0C99"/>
    <w:rsid w:val="006A16ED"/>
    <w:rsid w:val="006A1754"/>
    <w:rsid w:val="006A1CE7"/>
    <w:rsid w:val="006A47AB"/>
    <w:rsid w:val="006A5584"/>
    <w:rsid w:val="006A5D95"/>
    <w:rsid w:val="006A6913"/>
    <w:rsid w:val="006A72F3"/>
    <w:rsid w:val="006A7C42"/>
    <w:rsid w:val="006A7FB4"/>
    <w:rsid w:val="006B0EA5"/>
    <w:rsid w:val="006B1284"/>
    <w:rsid w:val="006B1F87"/>
    <w:rsid w:val="006B286B"/>
    <w:rsid w:val="006B48C2"/>
    <w:rsid w:val="006B57CD"/>
    <w:rsid w:val="006B6083"/>
    <w:rsid w:val="006B6355"/>
    <w:rsid w:val="006B6C1B"/>
    <w:rsid w:val="006B7445"/>
    <w:rsid w:val="006B76E3"/>
    <w:rsid w:val="006C037B"/>
    <w:rsid w:val="006C099B"/>
    <w:rsid w:val="006C0F4D"/>
    <w:rsid w:val="006C285A"/>
    <w:rsid w:val="006C29C8"/>
    <w:rsid w:val="006C3EC2"/>
    <w:rsid w:val="006C428D"/>
    <w:rsid w:val="006C49EA"/>
    <w:rsid w:val="006C4D19"/>
    <w:rsid w:val="006C4FF6"/>
    <w:rsid w:val="006C5D81"/>
    <w:rsid w:val="006C618B"/>
    <w:rsid w:val="006C6284"/>
    <w:rsid w:val="006C6C0F"/>
    <w:rsid w:val="006C7201"/>
    <w:rsid w:val="006C7E59"/>
    <w:rsid w:val="006D06E5"/>
    <w:rsid w:val="006D10D2"/>
    <w:rsid w:val="006D1824"/>
    <w:rsid w:val="006D2E69"/>
    <w:rsid w:val="006D39FF"/>
    <w:rsid w:val="006D3AC3"/>
    <w:rsid w:val="006D3D28"/>
    <w:rsid w:val="006D449E"/>
    <w:rsid w:val="006D53F3"/>
    <w:rsid w:val="006D68C5"/>
    <w:rsid w:val="006D7075"/>
    <w:rsid w:val="006E03B7"/>
    <w:rsid w:val="006E1B92"/>
    <w:rsid w:val="006E2C77"/>
    <w:rsid w:val="006E3AC3"/>
    <w:rsid w:val="006E4794"/>
    <w:rsid w:val="006E4B6C"/>
    <w:rsid w:val="006E4F1A"/>
    <w:rsid w:val="006E4F43"/>
    <w:rsid w:val="006E556D"/>
    <w:rsid w:val="006E6DC8"/>
    <w:rsid w:val="006E7EB1"/>
    <w:rsid w:val="006F008B"/>
    <w:rsid w:val="006F0598"/>
    <w:rsid w:val="006F16AD"/>
    <w:rsid w:val="006F1902"/>
    <w:rsid w:val="006F28CD"/>
    <w:rsid w:val="006F2C2B"/>
    <w:rsid w:val="006F2E05"/>
    <w:rsid w:val="006F32CC"/>
    <w:rsid w:val="006F3CFD"/>
    <w:rsid w:val="006F4608"/>
    <w:rsid w:val="006F6939"/>
    <w:rsid w:val="006F78A1"/>
    <w:rsid w:val="006F7A43"/>
    <w:rsid w:val="006F7F89"/>
    <w:rsid w:val="00701417"/>
    <w:rsid w:val="00702B1D"/>
    <w:rsid w:val="00704E40"/>
    <w:rsid w:val="00704E7B"/>
    <w:rsid w:val="007059EA"/>
    <w:rsid w:val="00705C76"/>
    <w:rsid w:val="00705E1B"/>
    <w:rsid w:val="0070680E"/>
    <w:rsid w:val="0070714E"/>
    <w:rsid w:val="0070798E"/>
    <w:rsid w:val="00710FD3"/>
    <w:rsid w:val="00711162"/>
    <w:rsid w:val="00711C96"/>
    <w:rsid w:val="00713334"/>
    <w:rsid w:val="00715424"/>
    <w:rsid w:val="007154C9"/>
    <w:rsid w:val="007157D0"/>
    <w:rsid w:val="0071691F"/>
    <w:rsid w:val="0071693A"/>
    <w:rsid w:val="00716BDE"/>
    <w:rsid w:val="00717488"/>
    <w:rsid w:val="00717649"/>
    <w:rsid w:val="00717DED"/>
    <w:rsid w:val="00720130"/>
    <w:rsid w:val="007202D3"/>
    <w:rsid w:val="007203D3"/>
    <w:rsid w:val="00720519"/>
    <w:rsid w:val="00720530"/>
    <w:rsid w:val="00720613"/>
    <w:rsid w:val="00720FAC"/>
    <w:rsid w:val="007212C1"/>
    <w:rsid w:val="00721881"/>
    <w:rsid w:val="00721A7D"/>
    <w:rsid w:val="00721ACA"/>
    <w:rsid w:val="007240A6"/>
    <w:rsid w:val="00724401"/>
    <w:rsid w:val="00724A6B"/>
    <w:rsid w:val="00725107"/>
    <w:rsid w:val="00725A53"/>
    <w:rsid w:val="00725D8A"/>
    <w:rsid w:val="00726CB3"/>
    <w:rsid w:val="00727C95"/>
    <w:rsid w:val="00727CA5"/>
    <w:rsid w:val="007304A0"/>
    <w:rsid w:val="007308C2"/>
    <w:rsid w:val="0073135F"/>
    <w:rsid w:val="00731467"/>
    <w:rsid w:val="00732BF6"/>
    <w:rsid w:val="00732DAA"/>
    <w:rsid w:val="00733043"/>
    <w:rsid w:val="00733BCF"/>
    <w:rsid w:val="00735940"/>
    <w:rsid w:val="007370E9"/>
    <w:rsid w:val="007370EC"/>
    <w:rsid w:val="00737E18"/>
    <w:rsid w:val="00737EAD"/>
    <w:rsid w:val="00740040"/>
    <w:rsid w:val="007408AC"/>
    <w:rsid w:val="00740A8E"/>
    <w:rsid w:val="007411F7"/>
    <w:rsid w:val="007432F0"/>
    <w:rsid w:val="00743FC7"/>
    <w:rsid w:val="00744D4A"/>
    <w:rsid w:val="00745325"/>
    <w:rsid w:val="007454AA"/>
    <w:rsid w:val="00745701"/>
    <w:rsid w:val="0074586C"/>
    <w:rsid w:val="007464E7"/>
    <w:rsid w:val="007470A3"/>
    <w:rsid w:val="00750895"/>
    <w:rsid w:val="00750972"/>
    <w:rsid w:val="007519E0"/>
    <w:rsid w:val="007526CE"/>
    <w:rsid w:val="00752BEC"/>
    <w:rsid w:val="00753387"/>
    <w:rsid w:val="00753C5B"/>
    <w:rsid w:val="00753E85"/>
    <w:rsid w:val="007545A9"/>
    <w:rsid w:val="00754895"/>
    <w:rsid w:val="00755101"/>
    <w:rsid w:val="0075549D"/>
    <w:rsid w:val="00755A90"/>
    <w:rsid w:val="00755AFE"/>
    <w:rsid w:val="00755C02"/>
    <w:rsid w:val="007560E0"/>
    <w:rsid w:val="007562AC"/>
    <w:rsid w:val="00757A4F"/>
    <w:rsid w:val="00757DA9"/>
    <w:rsid w:val="007601BD"/>
    <w:rsid w:val="00760A9E"/>
    <w:rsid w:val="007612C8"/>
    <w:rsid w:val="00761D67"/>
    <w:rsid w:val="007620A4"/>
    <w:rsid w:val="007623A0"/>
    <w:rsid w:val="00762959"/>
    <w:rsid w:val="00762B48"/>
    <w:rsid w:val="00762FBD"/>
    <w:rsid w:val="007641F6"/>
    <w:rsid w:val="007660FD"/>
    <w:rsid w:val="00766BA7"/>
    <w:rsid w:val="007673DE"/>
    <w:rsid w:val="00767504"/>
    <w:rsid w:val="007677FA"/>
    <w:rsid w:val="00767AA3"/>
    <w:rsid w:val="00770AD2"/>
    <w:rsid w:val="00771A6F"/>
    <w:rsid w:val="007725F8"/>
    <w:rsid w:val="00772AF4"/>
    <w:rsid w:val="007735E8"/>
    <w:rsid w:val="00773AB6"/>
    <w:rsid w:val="00773E8C"/>
    <w:rsid w:val="00774B48"/>
    <w:rsid w:val="00774BBB"/>
    <w:rsid w:val="00774DCE"/>
    <w:rsid w:val="007758EE"/>
    <w:rsid w:val="007760F5"/>
    <w:rsid w:val="00776126"/>
    <w:rsid w:val="007804C7"/>
    <w:rsid w:val="00781195"/>
    <w:rsid w:val="007812F4"/>
    <w:rsid w:val="007818D5"/>
    <w:rsid w:val="00783358"/>
    <w:rsid w:val="00783508"/>
    <w:rsid w:val="00783563"/>
    <w:rsid w:val="0078364E"/>
    <w:rsid w:val="00784C8A"/>
    <w:rsid w:val="0078550B"/>
    <w:rsid w:val="00785829"/>
    <w:rsid w:val="007867EB"/>
    <w:rsid w:val="00786BF1"/>
    <w:rsid w:val="007876A5"/>
    <w:rsid w:val="00787C53"/>
    <w:rsid w:val="00787FEB"/>
    <w:rsid w:val="007909CF"/>
    <w:rsid w:val="00791347"/>
    <w:rsid w:val="007917D7"/>
    <w:rsid w:val="00791C03"/>
    <w:rsid w:val="00791C27"/>
    <w:rsid w:val="00791F2A"/>
    <w:rsid w:val="00792211"/>
    <w:rsid w:val="00792B4E"/>
    <w:rsid w:val="00792D16"/>
    <w:rsid w:val="00792F3F"/>
    <w:rsid w:val="00793925"/>
    <w:rsid w:val="00793CAD"/>
    <w:rsid w:val="0079485F"/>
    <w:rsid w:val="00794FE9"/>
    <w:rsid w:val="00795274"/>
    <w:rsid w:val="0079592E"/>
    <w:rsid w:val="00795939"/>
    <w:rsid w:val="00796181"/>
    <w:rsid w:val="0079748D"/>
    <w:rsid w:val="007974FB"/>
    <w:rsid w:val="007978DA"/>
    <w:rsid w:val="00797FC7"/>
    <w:rsid w:val="007A044B"/>
    <w:rsid w:val="007A0B70"/>
    <w:rsid w:val="007A0D77"/>
    <w:rsid w:val="007A0FBD"/>
    <w:rsid w:val="007A1D35"/>
    <w:rsid w:val="007A26EB"/>
    <w:rsid w:val="007A3304"/>
    <w:rsid w:val="007A36AC"/>
    <w:rsid w:val="007A53A5"/>
    <w:rsid w:val="007A542F"/>
    <w:rsid w:val="007A5703"/>
    <w:rsid w:val="007A58C1"/>
    <w:rsid w:val="007A6CCC"/>
    <w:rsid w:val="007A71F6"/>
    <w:rsid w:val="007A77DE"/>
    <w:rsid w:val="007A7B4F"/>
    <w:rsid w:val="007B04B7"/>
    <w:rsid w:val="007B0D0A"/>
    <w:rsid w:val="007B1760"/>
    <w:rsid w:val="007B1809"/>
    <w:rsid w:val="007B1B53"/>
    <w:rsid w:val="007B2BCC"/>
    <w:rsid w:val="007B2E34"/>
    <w:rsid w:val="007B2ED3"/>
    <w:rsid w:val="007B3170"/>
    <w:rsid w:val="007B38AF"/>
    <w:rsid w:val="007B521A"/>
    <w:rsid w:val="007B53CC"/>
    <w:rsid w:val="007B55B3"/>
    <w:rsid w:val="007B5623"/>
    <w:rsid w:val="007B57F1"/>
    <w:rsid w:val="007B5B24"/>
    <w:rsid w:val="007B606D"/>
    <w:rsid w:val="007C04AF"/>
    <w:rsid w:val="007C2AA4"/>
    <w:rsid w:val="007C4DC5"/>
    <w:rsid w:val="007C4F9E"/>
    <w:rsid w:val="007C50FC"/>
    <w:rsid w:val="007C5A31"/>
    <w:rsid w:val="007C6504"/>
    <w:rsid w:val="007C6CBA"/>
    <w:rsid w:val="007C74C9"/>
    <w:rsid w:val="007C7CC7"/>
    <w:rsid w:val="007D0976"/>
    <w:rsid w:val="007D0FF6"/>
    <w:rsid w:val="007D11B8"/>
    <w:rsid w:val="007D127E"/>
    <w:rsid w:val="007D1411"/>
    <w:rsid w:val="007D1973"/>
    <w:rsid w:val="007D1E59"/>
    <w:rsid w:val="007D317F"/>
    <w:rsid w:val="007D4466"/>
    <w:rsid w:val="007D52D3"/>
    <w:rsid w:val="007D5803"/>
    <w:rsid w:val="007D5A37"/>
    <w:rsid w:val="007D70B6"/>
    <w:rsid w:val="007D7632"/>
    <w:rsid w:val="007D7895"/>
    <w:rsid w:val="007E0E35"/>
    <w:rsid w:val="007E1343"/>
    <w:rsid w:val="007E186E"/>
    <w:rsid w:val="007E2FB0"/>
    <w:rsid w:val="007E4BDC"/>
    <w:rsid w:val="007E4DDB"/>
    <w:rsid w:val="007E5247"/>
    <w:rsid w:val="007E561D"/>
    <w:rsid w:val="007E5EAD"/>
    <w:rsid w:val="007E5ED0"/>
    <w:rsid w:val="007E5FB5"/>
    <w:rsid w:val="007E7231"/>
    <w:rsid w:val="007E7774"/>
    <w:rsid w:val="007F0732"/>
    <w:rsid w:val="007F0FD4"/>
    <w:rsid w:val="007F10EB"/>
    <w:rsid w:val="007F19FF"/>
    <w:rsid w:val="007F271C"/>
    <w:rsid w:val="007F2DF3"/>
    <w:rsid w:val="007F436A"/>
    <w:rsid w:val="007F4F29"/>
    <w:rsid w:val="007F5670"/>
    <w:rsid w:val="007F5BA3"/>
    <w:rsid w:val="007F6323"/>
    <w:rsid w:val="007F637E"/>
    <w:rsid w:val="007F73DF"/>
    <w:rsid w:val="007F78F5"/>
    <w:rsid w:val="00801895"/>
    <w:rsid w:val="00801FB3"/>
    <w:rsid w:val="00802301"/>
    <w:rsid w:val="008025F7"/>
    <w:rsid w:val="008034AC"/>
    <w:rsid w:val="0080352F"/>
    <w:rsid w:val="0080431B"/>
    <w:rsid w:val="0080468F"/>
    <w:rsid w:val="00804C75"/>
    <w:rsid w:val="00805DAC"/>
    <w:rsid w:val="008061C8"/>
    <w:rsid w:val="0080623C"/>
    <w:rsid w:val="00806612"/>
    <w:rsid w:val="00807233"/>
    <w:rsid w:val="008075C3"/>
    <w:rsid w:val="0080768C"/>
    <w:rsid w:val="00807856"/>
    <w:rsid w:val="00810CFC"/>
    <w:rsid w:val="0081158D"/>
    <w:rsid w:val="00811AF5"/>
    <w:rsid w:val="00812083"/>
    <w:rsid w:val="008122CF"/>
    <w:rsid w:val="008128DE"/>
    <w:rsid w:val="00813EDE"/>
    <w:rsid w:val="00814015"/>
    <w:rsid w:val="0081434B"/>
    <w:rsid w:val="00815E6C"/>
    <w:rsid w:val="00815F45"/>
    <w:rsid w:val="008167B7"/>
    <w:rsid w:val="0082017C"/>
    <w:rsid w:val="008202E4"/>
    <w:rsid w:val="008221C1"/>
    <w:rsid w:val="0082221F"/>
    <w:rsid w:val="0082380C"/>
    <w:rsid w:val="008247EE"/>
    <w:rsid w:val="00826886"/>
    <w:rsid w:val="00826E53"/>
    <w:rsid w:val="0082727B"/>
    <w:rsid w:val="0082763A"/>
    <w:rsid w:val="008278BC"/>
    <w:rsid w:val="008279AF"/>
    <w:rsid w:val="00830182"/>
    <w:rsid w:val="00830453"/>
    <w:rsid w:val="00830AE8"/>
    <w:rsid w:val="00830FA4"/>
    <w:rsid w:val="00831B35"/>
    <w:rsid w:val="00831C91"/>
    <w:rsid w:val="00831CA4"/>
    <w:rsid w:val="0083222A"/>
    <w:rsid w:val="008328E2"/>
    <w:rsid w:val="00833B89"/>
    <w:rsid w:val="00836426"/>
    <w:rsid w:val="0083712A"/>
    <w:rsid w:val="00837EC9"/>
    <w:rsid w:val="0084016E"/>
    <w:rsid w:val="008403EC"/>
    <w:rsid w:val="0084045E"/>
    <w:rsid w:val="00840DED"/>
    <w:rsid w:val="00840E16"/>
    <w:rsid w:val="00841760"/>
    <w:rsid w:val="00841B0C"/>
    <w:rsid w:val="008421A8"/>
    <w:rsid w:val="008422C7"/>
    <w:rsid w:val="00842330"/>
    <w:rsid w:val="008427FA"/>
    <w:rsid w:val="00842C59"/>
    <w:rsid w:val="00842DEB"/>
    <w:rsid w:val="008430B2"/>
    <w:rsid w:val="00843F98"/>
    <w:rsid w:val="00844567"/>
    <w:rsid w:val="008451E9"/>
    <w:rsid w:val="00845BBA"/>
    <w:rsid w:val="00845F6C"/>
    <w:rsid w:val="0084658D"/>
    <w:rsid w:val="00846651"/>
    <w:rsid w:val="00847540"/>
    <w:rsid w:val="008479F0"/>
    <w:rsid w:val="00847B15"/>
    <w:rsid w:val="00850E5A"/>
    <w:rsid w:val="0085132C"/>
    <w:rsid w:val="00851650"/>
    <w:rsid w:val="00851A27"/>
    <w:rsid w:val="00851B8B"/>
    <w:rsid w:val="00853094"/>
    <w:rsid w:val="008535F0"/>
    <w:rsid w:val="008536D6"/>
    <w:rsid w:val="00854D65"/>
    <w:rsid w:val="008555F1"/>
    <w:rsid w:val="00855BE4"/>
    <w:rsid w:val="00856210"/>
    <w:rsid w:val="00856400"/>
    <w:rsid w:val="00856EBC"/>
    <w:rsid w:val="00857362"/>
    <w:rsid w:val="008604A8"/>
    <w:rsid w:val="008613B0"/>
    <w:rsid w:val="00861E5F"/>
    <w:rsid w:val="00862239"/>
    <w:rsid w:val="0086247B"/>
    <w:rsid w:val="00862C07"/>
    <w:rsid w:val="00863216"/>
    <w:rsid w:val="0086424C"/>
    <w:rsid w:val="0086478B"/>
    <w:rsid w:val="00864851"/>
    <w:rsid w:val="008656BC"/>
    <w:rsid w:val="00865B81"/>
    <w:rsid w:val="00866B6B"/>
    <w:rsid w:val="00867D28"/>
    <w:rsid w:val="00870389"/>
    <w:rsid w:val="0087062B"/>
    <w:rsid w:val="00870C3D"/>
    <w:rsid w:val="00870D69"/>
    <w:rsid w:val="00871606"/>
    <w:rsid w:val="008729A4"/>
    <w:rsid w:val="00872A33"/>
    <w:rsid w:val="00872D8B"/>
    <w:rsid w:val="00872ED0"/>
    <w:rsid w:val="00873522"/>
    <w:rsid w:val="008736BA"/>
    <w:rsid w:val="008737E8"/>
    <w:rsid w:val="00874AB1"/>
    <w:rsid w:val="00876434"/>
    <w:rsid w:val="008766EC"/>
    <w:rsid w:val="00880073"/>
    <w:rsid w:val="00880123"/>
    <w:rsid w:val="008805EE"/>
    <w:rsid w:val="00880FA9"/>
    <w:rsid w:val="00881FD2"/>
    <w:rsid w:val="008827E2"/>
    <w:rsid w:val="00883467"/>
    <w:rsid w:val="0088375C"/>
    <w:rsid w:val="00883D21"/>
    <w:rsid w:val="008840A1"/>
    <w:rsid w:val="008849E5"/>
    <w:rsid w:val="008860CA"/>
    <w:rsid w:val="00886C16"/>
    <w:rsid w:val="00887D95"/>
    <w:rsid w:val="008906F7"/>
    <w:rsid w:val="00890B8A"/>
    <w:rsid w:val="00890D90"/>
    <w:rsid w:val="00891586"/>
    <w:rsid w:val="008915B8"/>
    <w:rsid w:val="008916CD"/>
    <w:rsid w:val="00892267"/>
    <w:rsid w:val="00892704"/>
    <w:rsid w:val="008936EF"/>
    <w:rsid w:val="008939A0"/>
    <w:rsid w:val="008939A6"/>
    <w:rsid w:val="00893B5B"/>
    <w:rsid w:val="00894C5B"/>
    <w:rsid w:val="0089534B"/>
    <w:rsid w:val="0089613E"/>
    <w:rsid w:val="0089642D"/>
    <w:rsid w:val="00897D64"/>
    <w:rsid w:val="00897EBC"/>
    <w:rsid w:val="008A1134"/>
    <w:rsid w:val="008A116D"/>
    <w:rsid w:val="008A2797"/>
    <w:rsid w:val="008A2B8D"/>
    <w:rsid w:val="008A3041"/>
    <w:rsid w:val="008A30D5"/>
    <w:rsid w:val="008A3860"/>
    <w:rsid w:val="008A4C71"/>
    <w:rsid w:val="008A4EC3"/>
    <w:rsid w:val="008A57EE"/>
    <w:rsid w:val="008A6024"/>
    <w:rsid w:val="008A6359"/>
    <w:rsid w:val="008A73EF"/>
    <w:rsid w:val="008A7785"/>
    <w:rsid w:val="008A7FF3"/>
    <w:rsid w:val="008B02C0"/>
    <w:rsid w:val="008B071E"/>
    <w:rsid w:val="008B0ABD"/>
    <w:rsid w:val="008B0F8E"/>
    <w:rsid w:val="008B1D7B"/>
    <w:rsid w:val="008B1ED5"/>
    <w:rsid w:val="008B2627"/>
    <w:rsid w:val="008B2968"/>
    <w:rsid w:val="008B3A45"/>
    <w:rsid w:val="008B428C"/>
    <w:rsid w:val="008B4F1A"/>
    <w:rsid w:val="008B52FB"/>
    <w:rsid w:val="008B6A05"/>
    <w:rsid w:val="008B6AAF"/>
    <w:rsid w:val="008B7232"/>
    <w:rsid w:val="008B74D9"/>
    <w:rsid w:val="008C0636"/>
    <w:rsid w:val="008C1B0C"/>
    <w:rsid w:val="008C239D"/>
    <w:rsid w:val="008C55C2"/>
    <w:rsid w:val="008C6178"/>
    <w:rsid w:val="008C61BC"/>
    <w:rsid w:val="008D04C4"/>
    <w:rsid w:val="008D20DD"/>
    <w:rsid w:val="008D260B"/>
    <w:rsid w:val="008D277A"/>
    <w:rsid w:val="008D28AF"/>
    <w:rsid w:val="008D2ECB"/>
    <w:rsid w:val="008D2F5F"/>
    <w:rsid w:val="008D377E"/>
    <w:rsid w:val="008D5314"/>
    <w:rsid w:val="008D5FFB"/>
    <w:rsid w:val="008D625E"/>
    <w:rsid w:val="008D66EC"/>
    <w:rsid w:val="008D6D48"/>
    <w:rsid w:val="008D7132"/>
    <w:rsid w:val="008D7A86"/>
    <w:rsid w:val="008E004D"/>
    <w:rsid w:val="008E1020"/>
    <w:rsid w:val="008E12EC"/>
    <w:rsid w:val="008E2B28"/>
    <w:rsid w:val="008E2EF3"/>
    <w:rsid w:val="008E2F90"/>
    <w:rsid w:val="008E3347"/>
    <w:rsid w:val="008E357C"/>
    <w:rsid w:val="008E3CA5"/>
    <w:rsid w:val="008E3F5B"/>
    <w:rsid w:val="008E426A"/>
    <w:rsid w:val="008E50A6"/>
    <w:rsid w:val="008E5CD0"/>
    <w:rsid w:val="008E6E71"/>
    <w:rsid w:val="008E7198"/>
    <w:rsid w:val="008E734B"/>
    <w:rsid w:val="008E74BB"/>
    <w:rsid w:val="008E74CD"/>
    <w:rsid w:val="008E75A5"/>
    <w:rsid w:val="008E7B38"/>
    <w:rsid w:val="008F004C"/>
    <w:rsid w:val="008F02E8"/>
    <w:rsid w:val="008F2A68"/>
    <w:rsid w:val="008F4759"/>
    <w:rsid w:val="008F4BEB"/>
    <w:rsid w:val="008F5002"/>
    <w:rsid w:val="008F6C78"/>
    <w:rsid w:val="008F717F"/>
    <w:rsid w:val="008F74B6"/>
    <w:rsid w:val="00900322"/>
    <w:rsid w:val="00900434"/>
    <w:rsid w:val="00900504"/>
    <w:rsid w:val="00900767"/>
    <w:rsid w:val="00902A11"/>
    <w:rsid w:val="00902AF0"/>
    <w:rsid w:val="009034C4"/>
    <w:rsid w:val="00903882"/>
    <w:rsid w:val="00903D59"/>
    <w:rsid w:val="009053AF"/>
    <w:rsid w:val="0090655C"/>
    <w:rsid w:val="00906966"/>
    <w:rsid w:val="00906D4A"/>
    <w:rsid w:val="0090795D"/>
    <w:rsid w:val="00911093"/>
    <w:rsid w:val="0091152E"/>
    <w:rsid w:val="00911736"/>
    <w:rsid w:val="009117CD"/>
    <w:rsid w:val="009118FB"/>
    <w:rsid w:val="009121B1"/>
    <w:rsid w:val="00912E86"/>
    <w:rsid w:val="00912FD4"/>
    <w:rsid w:val="00913E50"/>
    <w:rsid w:val="00914E14"/>
    <w:rsid w:val="00916DA5"/>
    <w:rsid w:val="009171F9"/>
    <w:rsid w:val="00917D90"/>
    <w:rsid w:val="00917FE4"/>
    <w:rsid w:val="00920074"/>
    <w:rsid w:val="009220D0"/>
    <w:rsid w:val="009223A7"/>
    <w:rsid w:val="00923216"/>
    <w:rsid w:val="0092324F"/>
    <w:rsid w:val="009234AE"/>
    <w:rsid w:val="00923A82"/>
    <w:rsid w:val="00924A65"/>
    <w:rsid w:val="009253A4"/>
    <w:rsid w:val="00925BC9"/>
    <w:rsid w:val="0092623F"/>
    <w:rsid w:val="00926820"/>
    <w:rsid w:val="00926F67"/>
    <w:rsid w:val="00927664"/>
    <w:rsid w:val="00927D0C"/>
    <w:rsid w:val="009309FC"/>
    <w:rsid w:val="009319AC"/>
    <w:rsid w:val="00931B86"/>
    <w:rsid w:val="00933155"/>
    <w:rsid w:val="009337C2"/>
    <w:rsid w:val="00933880"/>
    <w:rsid w:val="00933B42"/>
    <w:rsid w:val="0093478A"/>
    <w:rsid w:val="00934AFD"/>
    <w:rsid w:val="00935F4D"/>
    <w:rsid w:val="0093650C"/>
    <w:rsid w:val="00937589"/>
    <w:rsid w:val="009376B5"/>
    <w:rsid w:val="00937C3E"/>
    <w:rsid w:val="00940505"/>
    <w:rsid w:val="0094059A"/>
    <w:rsid w:val="0094087B"/>
    <w:rsid w:val="009418FC"/>
    <w:rsid w:val="0094204F"/>
    <w:rsid w:val="00942118"/>
    <w:rsid w:val="00942ED4"/>
    <w:rsid w:val="00943063"/>
    <w:rsid w:val="00943CC9"/>
    <w:rsid w:val="00944388"/>
    <w:rsid w:val="0094452E"/>
    <w:rsid w:val="00944F26"/>
    <w:rsid w:val="0094516D"/>
    <w:rsid w:val="00945B3A"/>
    <w:rsid w:val="00945C3F"/>
    <w:rsid w:val="009475A7"/>
    <w:rsid w:val="00947C53"/>
    <w:rsid w:val="00947EF2"/>
    <w:rsid w:val="009501D3"/>
    <w:rsid w:val="0095040B"/>
    <w:rsid w:val="00951051"/>
    <w:rsid w:val="00951793"/>
    <w:rsid w:val="0095189E"/>
    <w:rsid w:val="00951C25"/>
    <w:rsid w:val="00951D0D"/>
    <w:rsid w:val="00952091"/>
    <w:rsid w:val="00952FCE"/>
    <w:rsid w:val="00953153"/>
    <w:rsid w:val="0095315C"/>
    <w:rsid w:val="00953810"/>
    <w:rsid w:val="00954CED"/>
    <w:rsid w:val="00955BAC"/>
    <w:rsid w:val="009566B1"/>
    <w:rsid w:val="00956C2A"/>
    <w:rsid w:val="009572F1"/>
    <w:rsid w:val="00960076"/>
    <w:rsid w:val="00963D3E"/>
    <w:rsid w:val="00963F9D"/>
    <w:rsid w:val="009642BB"/>
    <w:rsid w:val="009647E7"/>
    <w:rsid w:val="0096540D"/>
    <w:rsid w:val="00965A3F"/>
    <w:rsid w:val="00965B1D"/>
    <w:rsid w:val="00965DA7"/>
    <w:rsid w:val="0096733C"/>
    <w:rsid w:val="00967771"/>
    <w:rsid w:val="00967CB7"/>
    <w:rsid w:val="00970C7F"/>
    <w:rsid w:val="00971273"/>
    <w:rsid w:val="009715B3"/>
    <w:rsid w:val="00972D5C"/>
    <w:rsid w:val="00973172"/>
    <w:rsid w:val="00973213"/>
    <w:rsid w:val="00973840"/>
    <w:rsid w:val="009738B8"/>
    <w:rsid w:val="0097426D"/>
    <w:rsid w:val="0097438F"/>
    <w:rsid w:val="0097466B"/>
    <w:rsid w:val="00975745"/>
    <w:rsid w:val="0097662B"/>
    <w:rsid w:val="009768BA"/>
    <w:rsid w:val="00977656"/>
    <w:rsid w:val="00981BBF"/>
    <w:rsid w:val="00981E3C"/>
    <w:rsid w:val="0098335B"/>
    <w:rsid w:val="0098390B"/>
    <w:rsid w:val="00983A4D"/>
    <w:rsid w:val="00984033"/>
    <w:rsid w:val="0098434B"/>
    <w:rsid w:val="00987471"/>
    <w:rsid w:val="009900C8"/>
    <w:rsid w:val="0099161B"/>
    <w:rsid w:val="009916C7"/>
    <w:rsid w:val="0099290E"/>
    <w:rsid w:val="00993DB6"/>
    <w:rsid w:val="0099484D"/>
    <w:rsid w:val="0099520A"/>
    <w:rsid w:val="009A101B"/>
    <w:rsid w:val="009A14F9"/>
    <w:rsid w:val="009A1A08"/>
    <w:rsid w:val="009A26F3"/>
    <w:rsid w:val="009A2A44"/>
    <w:rsid w:val="009A34E7"/>
    <w:rsid w:val="009A3C9C"/>
    <w:rsid w:val="009A3EE8"/>
    <w:rsid w:val="009A43EA"/>
    <w:rsid w:val="009A44E6"/>
    <w:rsid w:val="009A64C7"/>
    <w:rsid w:val="009A6E7D"/>
    <w:rsid w:val="009A7C90"/>
    <w:rsid w:val="009B01A0"/>
    <w:rsid w:val="009B0227"/>
    <w:rsid w:val="009B1D2E"/>
    <w:rsid w:val="009B1F94"/>
    <w:rsid w:val="009B2185"/>
    <w:rsid w:val="009B21B3"/>
    <w:rsid w:val="009B22C5"/>
    <w:rsid w:val="009B3705"/>
    <w:rsid w:val="009B41E1"/>
    <w:rsid w:val="009B4202"/>
    <w:rsid w:val="009B4890"/>
    <w:rsid w:val="009B5299"/>
    <w:rsid w:val="009B65CF"/>
    <w:rsid w:val="009B7085"/>
    <w:rsid w:val="009B7FC0"/>
    <w:rsid w:val="009C10FE"/>
    <w:rsid w:val="009C14AB"/>
    <w:rsid w:val="009C179C"/>
    <w:rsid w:val="009C2281"/>
    <w:rsid w:val="009C2883"/>
    <w:rsid w:val="009C38BC"/>
    <w:rsid w:val="009C399A"/>
    <w:rsid w:val="009C575D"/>
    <w:rsid w:val="009C65CB"/>
    <w:rsid w:val="009D153B"/>
    <w:rsid w:val="009D1C61"/>
    <w:rsid w:val="009D265F"/>
    <w:rsid w:val="009D2842"/>
    <w:rsid w:val="009D2FC1"/>
    <w:rsid w:val="009D33CE"/>
    <w:rsid w:val="009D4255"/>
    <w:rsid w:val="009D4717"/>
    <w:rsid w:val="009D49BB"/>
    <w:rsid w:val="009D577D"/>
    <w:rsid w:val="009D5E0B"/>
    <w:rsid w:val="009D71B6"/>
    <w:rsid w:val="009D7663"/>
    <w:rsid w:val="009D7FCC"/>
    <w:rsid w:val="009E0226"/>
    <w:rsid w:val="009E02C6"/>
    <w:rsid w:val="009E1272"/>
    <w:rsid w:val="009E12E0"/>
    <w:rsid w:val="009E13B3"/>
    <w:rsid w:val="009E15E3"/>
    <w:rsid w:val="009E1BB4"/>
    <w:rsid w:val="009E2091"/>
    <w:rsid w:val="009E2F76"/>
    <w:rsid w:val="009E351C"/>
    <w:rsid w:val="009E3FA6"/>
    <w:rsid w:val="009E43DE"/>
    <w:rsid w:val="009E6641"/>
    <w:rsid w:val="009E6755"/>
    <w:rsid w:val="009E7495"/>
    <w:rsid w:val="009E7777"/>
    <w:rsid w:val="009E7F30"/>
    <w:rsid w:val="009F0F4E"/>
    <w:rsid w:val="009F1E0D"/>
    <w:rsid w:val="009F26F8"/>
    <w:rsid w:val="009F2B12"/>
    <w:rsid w:val="009F5315"/>
    <w:rsid w:val="009F5527"/>
    <w:rsid w:val="009F5E59"/>
    <w:rsid w:val="009F6C1B"/>
    <w:rsid w:val="009F6EA8"/>
    <w:rsid w:val="00A00CE3"/>
    <w:rsid w:val="00A015CC"/>
    <w:rsid w:val="00A0162B"/>
    <w:rsid w:val="00A01630"/>
    <w:rsid w:val="00A018D1"/>
    <w:rsid w:val="00A02235"/>
    <w:rsid w:val="00A028EA"/>
    <w:rsid w:val="00A02A2F"/>
    <w:rsid w:val="00A02DFE"/>
    <w:rsid w:val="00A02E09"/>
    <w:rsid w:val="00A031AE"/>
    <w:rsid w:val="00A04629"/>
    <w:rsid w:val="00A0563A"/>
    <w:rsid w:val="00A1030A"/>
    <w:rsid w:val="00A10F0E"/>
    <w:rsid w:val="00A1185B"/>
    <w:rsid w:val="00A12C68"/>
    <w:rsid w:val="00A13797"/>
    <w:rsid w:val="00A13FE1"/>
    <w:rsid w:val="00A1431E"/>
    <w:rsid w:val="00A145A6"/>
    <w:rsid w:val="00A147CD"/>
    <w:rsid w:val="00A1555A"/>
    <w:rsid w:val="00A1601C"/>
    <w:rsid w:val="00A16327"/>
    <w:rsid w:val="00A1639F"/>
    <w:rsid w:val="00A1713E"/>
    <w:rsid w:val="00A17F8B"/>
    <w:rsid w:val="00A20891"/>
    <w:rsid w:val="00A20C08"/>
    <w:rsid w:val="00A22388"/>
    <w:rsid w:val="00A237C8"/>
    <w:rsid w:val="00A23A60"/>
    <w:rsid w:val="00A24F59"/>
    <w:rsid w:val="00A25F04"/>
    <w:rsid w:val="00A27986"/>
    <w:rsid w:val="00A306FD"/>
    <w:rsid w:val="00A30F10"/>
    <w:rsid w:val="00A30F76"/>
    <w:rsid w:val="00A31A59"/>
    <w:rsid w:val="00A31DEE"/>
    <w:rsid w:val="00A326E0"/>
    <w:rsid w:val="00A33D07"/>
    <w:rsid w:val="00A3447D"/>
    <w:rsid w:val="00A3507B"/>
    <w:rsid w:val="00A353BA"/>
    <w:rsid w:val="00A354DC"/>
    <w:rsid w:val="00A35EEB"/>
    <w:rsid w:val="00A361CB"/>
    <w:rsid w:val="00A366D6"/>
    <w:rsid w:val="00A37404"/>
    <w:rsid w:val="00A41116"/>
    <w:rsid w:val="00A41E10"/>
    <w:rsid w:val="00A42535"/>
    <w:rsid w:val="00A42E87"/>
    <w:rsid w:val="00A43D84"/>
    <w:rsid w:val="00A44773"/>
    <w:rsid w:val="00A4560A"/>
    <w:rsid w:val="00A467C1"/>
    <w:rsid w:val="00A476B5"/>
    <w:rsid w:val="00A47B21"/>
    <w:rsid w:val="00A508E5"/>
    <w:rsid w:val="00A51816"/>
    <w:rsid w:val="00A51A31"/>
    <w:rsid w:val="00A521E5"/>
    <w:rsid w:val="00A531D5"/>
    <w:rsid w:val="00A53512"/>
    <w:rsid w:val="00A54B60"/>
    <w:rsid w:val="00A550A4"/>
    <w:rsid w:val="00A55415"/>
    <w:rsid w:val="00A55E1D"/>
    <w:rsid w:val="00A56866"/>
    <w:rsid w:val="00A56B7C"/>
    <w:rsid w:val="00A56E1F"/>
    <w:rsid w:val="00A56E66"/>
    <w:rsid w:val="00A573A4"/>
    <w:rsid w:val="00A57A95"/>
    <w:rsid w:val="00A600B1"/>
    <w:rsid w:val="00A61ED7"/>
    <w:rsid w:val="00A6223C"/>
    <w:rsid w:val="00A62FA4"/>
    <w:rsid w:val="00A63420"/>
    <w:rsid w:val="00A64876"/>
    <w:rsid w:val="00A658F4"/>
    <w:rsid w:val="00A65901"/>
    <w:rsid w:val="00A67289"/>
    <w:rsid w:val="00A6782D"/>
    <w:rsid w:val="00A67ACE"/>
    <w:rsid w:val="00A700FA"/>
    <w:rsid w:val="00A7042C"/>
    <w:rsid w:val="00A70481"/>
    <w:rsid w:val="00A7082A"/>
    <w:rsid w:val="00A70D4E"/>
    <w:rsid w:val="00A71BC1"/>
    <w:rsid w:val="00A721CE"/>
    <w:rsid w:val="00A73B97"/>
    <w:rsid w:val="00A749A9"/>
    <w:rsid w:val="00A75405"/>
    <w:rsid w:val="00A759D8"/>
    <w:rsid w:val="00A772CD"/>
    <w:rsid w:val="00A8010A"/>
    <w:rsid w:val="00A812A1"/>
    <w:rsid w:val="00A82572"/>
    <w:rsid w:val="00A82976"/>
    <w:rsid w:val="00A83C05"/>
    <w:rsid w:val="00A84138"/>
    <w:rsid w:val="00A85B11"/>
    <w:rsid w:val="00A85DD3"/>
    <w:rsid w:val="00A862D4"/>
    <w:rsid w:val="00A86D64"/>
    <w:rsid w:val="00A901CC"/>
    <w:rsid w:val="00A909C2"/>
    <w:rsid w:val="00A913F9"/>
    <w:rsid w:val="00A91C17"/>
    <w:rsid w:val="00A9248D"/>
    <w:rsid w:val="00A9278A"/>
    <w:rsid w:val="00A92F25"/>
    <w:rsid w:val="00A935B2"/>
    <w:rsid w:val="00A9404C"/>
    <w:rsid w:val="00A942B2"/>
    <w:rsid w:val="00A949CF"/>
    <w:rsid w:val="00A953D6"/>
    <w:rsid w:val="00A9687E"/>
    <w:rsid w:val="00A96C26"/>
    <w:rsid w:val="00AA02EF"/>
    <w:rsid w:val="00AA2578"/>
    <w:rsid w:val="00AA337D"/>
    <w:rsid w:val="00AA33D0"/>
    <w:rsid w:val="00AA3A5B"/>
    <w:rsid w:val="00AA460F"/>
    <w:rsid w:val="00AA52F7"/>
    <w:rsid w:val="00AA615D"/>
    <w:rsid w:val="00AA7629"/>
    <w:rsid w:val="00AA789A"/>
    <w:rsid w:val="00AA7B10"/>
    <w:rsid w:val="00AB04D6"/>
    <w:rsid w:val="00AB0514"/>
    <w:rsid w:val="00AB063A"/>
    <w:rsid w:val="00AB1261"/>
    <w:rsid w:val="00AB1CE0"/>
    <w:rsid w:val="00AB21C0"/>
    <w:rsid w:val="00AB22AA"/>
    <w:rsid w:val="00AB2B57"/>
    <w:rsid w:val="00AB31C1"/>
    <w:rsid w:val="00AB3513"/>
    <w:rsid w:val="00AB5120"/>
    <w:rsid w:val="00AB5648"/>
    <w:rsid w:val="00AB73FB"/>
    <w:rsid w:val="00AB7501"/>
    <w:rsid w:val="00AB7565"/>
    <w:rsid w:val="00AB7746"/>
    <w:rsid w:val="00AC0AEB"/>
    <w:rsid w:val="00AC0BF2"/>
    <w:rsid w:val="00AC13EF"/>
    <w:rsid w:val="00AC1983"/>
    <w:rsid w:val="00AC3D12"/>
    <w:rsid w:val="00AC4558"/>
    <w:rsid w:val="00AC5221"/>
    <w:rsid w:val="00AC59BB"/>
    <w:rsid w:val="00AC5E3F"/>
    <w:rsid w:val="00AC68AA"/>
    <w:rsid w:val="00AC6AAD"/>
    <w:rsid w:val="00AC6DA6"/>
    <w:rsid w:val="00AC7FED"/>
    <w:rsid w:val="00AD085F"/>
    <w:rsid w:val="00AD09AA"/>
    <w:rsid w:val="00AD0AC8"/>
    <w:rsid w:val="00AD0CB2"/>
    <w:rsid w:val="00AD1100"/>
    <w:rsid w:val="00AD13AD"/>
    <w:rsid w:val="00AD14FC"/>
    <w:rsid w:val="00AD203D"/>
    <w:rsid w:val="00AD2998"/>
    <w:rsid w:val="00AD29D4"/>
    <w:rsid w:val="00AD2AEF"/>
    <w:rsid w:val="00AD2E2E"/>
    <w:rsid w:val="00AD31E5"/>
    <w:rsid w:val="00AD32E6"/>
    <w:rsid w:val="00AD34C8"/>
    <w:rsid w:val="00AD40E5"/>
    <w:rsid w:val="00AD413E"/>
    <w:rsid w:val="00AD4A66"/>
    <w:rsid w:val="00AD4B91"/>
    <w:rsid w:val="00AD5C47"/>
    <w:rsid w:val="00AD6AC4"/>
    <w:rsid w:val="00AD6DEC"/>
    <w:rsid w:val="00AD71A4"/>
    <w:rsid w:val="00AD71ED"/>
    <w:rsid w:val="00AD7A1C"/>
    <w:rsid w:val="00AE05A1"/>
    <w:rsid w:val="00AE064F"/>
    <w:rsid w:val="00AE0AD1"/>
    <w:rsid w:val="00AE0E9A"/>
    <w:rsid w:val="00AE134F"/>
    <w:rsid w:val="00AE1BDC"/>
    <w:rsid w:val="00AE1D90"/>
    <w:rsid w:val="00AE2070"/>
    <w:rsid w:val="00AE2277"/>
    <w:rsid w:val="00AE2283"/>
    <w:rsid w:val="00AE2391"/>
    <w:rsid w:val="00AE249F"/>
    <w:rsid w:val="00AE25BE"/>
    <w:rsid w:val="00AE3CB4"/>
    <w:rsid w:val="00AE4589"/>
    <w:rsid w:val="00AE5E5C"/>
    <w:rsid w:val="00AE64A8"/>
    <w:rsid w:val="00AE68AD"/>
    <w:rsid w:val="00AE6FBA"/>
    <w:rsid w:val="00AE7180"/>
    <w:rsid w:val="00AF04AC"/>
    <w:rsid w:val="00AF0C5B"/>
    <w:rsid w:val="00AF133A"/>
    <w:rsid w:val="00AF15BA"/>
    <w:rsid w:val="00AF2553"/>
    <w:rsid w:val="00AF3349"/>
    <w:rsid w:val="00AF33E6"/>
    <w:rsid w:val="00AF49DD"/>
    <w:rsid w:val="00AF4A28"/>
    <w:rsid w:val="00AF4E0B"/>
    <w:rsid w:val="00AF50A7"/>
    <w:rsid w:val="00AF50B8"/>
    <w:rsid w:val="00AF564D"/>
    <w:rsid w:val="00AF5874"/>
    <w:rsid w:val="00AF645F"/>
    <w:rsid w:val="00AF67FF"/>
    <w:rsid w:val="00AF6CD8"/>
    <w:rsid w:val="00AF6F49"/>
    <w:rsid w:val="00AF7676"/>
    <w:rsid w:val="00AF7D22"/>
    <w:rsid w:val="00AF7FDB"/>
    <w:rsid w:val="00B00FE1"/>
    <w:rsid w:val="00B012E2"/>
    <w:rsid w:val="00B01A77"/>
    <w:rsid w:val="00B01C9C"/>
    <w:rsid w:val="00B02421"/>
    <w:rsid w:val="00B02D45"/>
    <w:rsid w:val="00B032DB"/>
    <w:rsid w:val="00B047A7"/>
    <w:rsid w:val="00B0694C"/>
    <w:rsid w:val="00B07243"/>
    <w:rsid w:val="00B10DA7"/>
    <w:rsid w:val="00B11AC9"/>
    <w:rsid w:val="00B12529"/>
    <w:rsid w:val="00B127F0"/>
    <w:rsid w:val="00B13924"/>
    <w:rsid w:val="00B14FB1"/>
    <w:rsid w:val="00B1539C"/>
    <w:rsid w:val="00B1645A"/>
    <w:rsid w:val="00B167A7"/>
    <w:rsid w:val="00B173B7"/>
    <w:rsid w:val="00B173E4"/>
    <w:rsid w:val="00B17CB9"/>
    <w:rsid w:val="00B207BF"/>
    <w:rsid w:val="00B20DF3"/>
    <w:rsid w:val="00B21424"/>
    <w:rsid w:val="00B21497"/>
    <w:rsid w:val="00B2179B"/>
    <w:rsid w:val="00B22532"/>
    <w:rsid w:val="00B2293B"/>
    <w:rsid w:val="00B22D7A"/>
    <w:rsid w:val="00B2321A"/>
    <w:rsid w:val="00B2369B"/>
    <w:rsid w:val="00B24669"/>
    <w:rsid w:val="00B24A04"/>
    <w:rsid w:val="00B24B52"/>
    <w:rsid w:val="00B254E6"/>
    <w:rsid w:val="00B25980"/>
    <w:rsid w:val="00B2647F"/>
    <w:rsid w:val="00B268D2"/>
    <w:rsid w:val="00B26FA7"/>
    <w:rsid w:val="00B27A64"/>
    <w:rsid w:val="00B27AA2"/>
    <w:rsid w:val="00B338AB"/>
    <w:rsid w:val="00B34857"/>
    <w:rsid w:val="00B35F58"/>
    <w:rsid w:val="00B3683F"/>
    <w:rsid w:val="00B378D5"/>
    <w:rsid w:val="00B37A07"/>
    <w:rsid w:val="00B37F43"/>
    <w:rsid w:val="00B41112"/>
    <w:rsid w:val="00B413B1"/>
    <w:rsid w:val="00B41945"/>
    <w:rsid w:val="00B41A5E"/>
    <w:rsid w:val="00B42136"/>
    <w:rsid w:val="00B423CB"/>
    <w:rsid w:val="00B425B4"/>
    <w:rsid w:val="00B4265C"/>
    <w:rsid w:val="00B43EB5"/>
    <w:rsid w:val="00B44355"/>
    <w:rsid w:val="00B44D0F"/>
    <w:rsid w:val="00B4514B"/>
    <w:rsid w:val="00B45E53"/>
    <w:rsid w:val="00B463CF"/>
    <w:rsid w:val="00B46442"/>
    <w:rsid w:val="00B50ADB"/>
    <w:rsid w:val="00B515ED"/>
    <w:rsid w:val="00B52C31"/>
    <w:rsid w:val="00B53D4E"/>
    <w:rsid w:val="00B54317"/>
    <w:rsid w:val="00B5535D"/>
    <w:rsid w:val="00B5749F"/>
    <w:rsid w:val="00B60598"/>
    <w:rsid w:val="00B607FC"/>
    <w:rsid w:val="00B60CB2"/>
    <w:rsid w:val="00B61AFF"/>
    <w:rsid w:val="00B61ECE"/>
    <w:rsid w:val="00B620A9"/>
    <w:rsid w:val="00B621F1"/>
    <w:rsid w:val="00B62222"/>
    <w:rsid w:val="00B62B00"/>
    <w:rsid w:val="00B65CAA"/>
    <w:rsid w:val="00B66161"/>
    <w:rsid w:val="00B6646A"/>
    <w:rsid w:val="00B6662D"/>
    <w:rsid w:val="00B66B73"/>
    <w:rsid w:val="00B674FC"/>
    <w:rsid w:val="00B675F7"/>
    <w:rsid w:val="00B67848"/>
    <w:rsid w:val="00B67DFD"/>
    <w:rsid w:val="00B67EB5"/>
    <w:rsid w:val="00B700F3"/>
    <w:rsid w:val="00B72037"/>
    <w:rsid w:val="00B738EA"/>
    <w:rsid w:val="00B73D24"/>
    <w:rsid w:val="00B74549"/>
    <w:rsid w:val="00B74EDF"/>
    <w:rsid w:val="00B75BE3"/>
    <w:rsid w:val="00B77233"/>
    <w:rsid w:val="00B77561"/>
    <w:rsid w:val="00B80202"/>
    <w:rsid w:val="00B80B6A"/>
    <w:rsid w:val="00B80B6E"/>
    <w:rsid w:val="00B8438B"/>
    <w:rsid w:val="00B85C6C"/>
    <w:rsid w:val="00B85CCD"/>
    <w:rsid w:val="00B869F1"/>
    <w:rsid w:val="00B86A21"/>
    <w:rsid w:val="00B9046A"/>
    <w:rsid w:val="00B90605"/>
    <w:rsid w:val="00B90A06"/>
    <w:rsid w:val="00B91679"/>
    <w:rsid w:val="00B9234A"/>
    <w:rsid w:val="00B92973"/>
    <w:rsid w:val="00B93506"/>
    <w:rsid w:val="00B93507"/>
    <w:rsid w:val="00B9363D"/>
    <w:rsid w:val="00B93913"/>
    <w:rsid w:val="00B93B62"/>
    <w:rsid w:val="00B944F6"/>
    <w:rsid w:val="00B94830"/>
    <w:rsid w:val="00B94D61"/>
    <w:rsid w:val="00B95C94"/>
    <w:rsid w:val="00B97123"/>
    <w:rsid w:val="00BA1361"/>
    <w:rsid w:val="00BA16DD"/>
    <w:rsid w:val="00BA1D0D"/>
    <w:rsid w:val="00BA21F2"/>
    <w:rsid w:val="00BA3631"/>
    <w:rsid w:val="00BA5CA2"/>
    <w:rsid w:val="00BA5E89"/>
    <w:rsid w:val="00BA5F96"/>
    <w:rsid w:val="00BA739B"/>
    <w:rsid w:val="00BA7783"/>
    <w:rsid w:val="00BA7A79"/>
    <w:rsid w:val="00BA7A88"/>
    <w:rsid w:val="00BB0054"/>
    <w:rsid w:val="00BB0214"/>
    <w:rsid w:val="00BB1A43"/>
    <w:rsid w:val="00BB2650"/>
    <w:rsid w:val="00BB4145"/>
    <w:rsid w:val="00BB500D"/>
    <w:rsid w:val="00BB56E5"/>
    <w:rsid w:val="00BB5D46"/>
    <w:rsid w:val="00BB6624"/>
    <w:rsid w:val="00BB6E91"/>
    <w:rsid w:val="00BB71F4"/>
    <w:rsid w:val="00BB737A"/>
    <w:rsid w:val="00BC0EE2"/>
    <w:rsid w:val="00BC1ABE"/>
    <w:rsid w:val="00BC1E13"/>
    <w:rsid w:val="00BC2DD5"/>
    <w:rsid w:val="00BC3078"/>
    <w:rsid w:val="00BC34DF"/>
    <w:rsid w:val="00BC5C4B"/>
    <w:rsid w:val="00BC6956"/>
    <w:rsid w:val="00BC70CE"/>
    <w:rsid w:val="00BC7105"/>
    <w:rsid w:val="00BC719B"/>
    <w:rsid w:val="00BD09A9"/>
    <w:rsid w:val="00BD124A"/>
    <w:rsid w:val="00BD127B"/>
    <w:rsid w:val="00BD18F1"/>
    <w:rsid w:val="00BD1ABD"/>
    <w:rsid w:val="00BD2508"/>
    <w:rsid w:val="00BD26B2"/>
    <w:rsid w:val="00BD289F"/>
    <w:rsid w:val="00BD31EC"/>
    <w:rsid w:val="00BD3541"/>
    <w:rsid w:val="00BD3A0F"/>
    <w:rsid w:val="00BD3FF1"/>
    <w:rsid w:val="00BD4085"/>
    <w:rsid w:val="00BD4262"/>
    <w:rsid w:val="00BD4B3E"/>
    <w:rsid w:val="00BD6275"/>
    <w:rsid w:val="00BD663F"/>
    <w:rsid w:val="00BD68F0"/>
    <w:rsid w:val="00BD7891"/>
    <w:rsid w:val="00BE230D"/>
    <w:rsid w:val="00BE27E6"/>
    <w:rsid w:val="00BE2923"/>
    <w:rsid w:val="00BE2BA6"/>
    <w:rsid w:val="00BE2C17"/>
    <w:rsid w:val="00BE37CB"/>
    <w:rsid w:val="00BE478B"/>
    <w:rsid w:val="00BE4FC4"/>
    <w:rsid w:val="00BE5002"/>
    <w:rsid w:val="00BE5E6C"/>
    <w:rsid w:val="00BE60EC"/>
    <w:rsid w:val="00BE6DB3"/>
    <w:rsid w:val="00BE6E8E"/>
    <w:rsid w:val="00BE7232"/>
    <w:rsid w:val="00BF0BBD"/>
    <w:rsid w:val="00BF1AEE"/>
    <w:rsid w:val="00BF1CA3"/>
    <w:rsid w:val="00BF24C8"/>
    <w:rsid w:val="00BF56E6"/>
    <w:rsid w:val="00BF5A79"/>
    <w:rsid w:val="00BF5DE7"/>
    <w:rsid w:val="00BF6E7D"/>
    <w:rsid w:val="00BF7C45"/>
    <w:rsid w:val="00C01B1D"/>
    <w:rsid w:val="00C02052"/>
    <w:rsid w:val="00C03312"/>
    <w:rsid w:val="00C03666"/>
    <w:rsid w:val="00C03676"/>
    <w:rsid w:val="00C0544F"/>
    <w:rsid w:val="00C07A0D"/>
    <w:rsid w:val="00C07E0B"/>
    <w:rsid w:val="00C126D2"/>
    <w:rsid w:val="00C12941"/>
    <w:rsid w:val="00C137A9"/>
    <w:rsid w:val="00C15209"/>
    <w:rsid w:val="00C16D27"/>
    <w:rsid w:val="00C16D74"/>
    <w:rsid w:val="00C1709A"/>
    <w:rsid w:val="00C204D5"/>
    <w:rsid w:val="00C2095D"/>
    <w:rsid w:val="00C211A2"/>
    <w:rsid w:val="00C2140B"/>
    <w:rsid w:val="00C21CD8"/>
    <w:rsid w:val="00C226D2"/>
    <w:rsid w:val="00C232D5"/>
    <w:rsid w:val="00C23EE0"/>
    <w:rsid w:val="00C2474E"/>
    <w:rsid w:val="00C251C9"/>
    <w:rsid w:val="00C27062"/>
    <w:rsid w:val="00C2714A"/>
    <w:rsid w:val="00C2781F"/>
    <w:rsid w:val="00C30A3A"/>
    <w:rsid w:val="00C30D9D"/>
    <w:rsid w:val="00C31909"/>
    <w:rsid w:val="00C3201A"/>
    <w:rsid w:val="00C33D80"/>
    <w:rsid w:val="00C3506C"/>
    <w:rsid w:val="00C35B94"/>
    <w:rsid w:val="00C35EE5"/>
    <w:rsid w:val="00C36860"/>
    <w:rsid w:val="00C373BA"/>
    <w:rsid w:val="00C40B3D"/>
    <w:rsid w:val="00C40FBE"/>
    <w:rsid w:val="00C41A1E"/>
    <w:rsid w:val="00C421BC"/>
    <w:rsid w:val="00C42212"/>
    <w:rsid w:val="00C422DE"/>
    <w:rsid w:val="00C4233A"/>
    <w:rsid w:val="00C42386"/>
    <w:rsid w:val="00C4265E"/>
    <w:rsid w:val="00C42CEF"/>
    <w:rsid w:val="00C4367F"/>
    <w:rsid w:val="00C43A74"/>
    <w:rsid w:val="00C43D9F"/>
    <w:rsid w:val="00C44C86"/>
    <w:rsid w:val="00C4505E"/>
    <w:rsid w:val="00C457EF"/>
    <w:rsid w:val="00C45B0A"/>
    <w:rsid w:val="00C45B15"/>
    <w:rsid w:val="00C45DEE"/>
    <w:rsid w:val="00C45F09"/>
    <w:rsid w:val="00C506F9"/>
    <w:rsid w:val="00C5114C"/>
    <w:rsid w:val="00C51BCE"/>
    <w:rsid w:val="00C528DD"/>
    <w:rsid w:val="00C52DDB"/>
    <w:rsid w:val="00C53847"/>
    <w:rsid w:val="00C53C40"/>
    <w:rsid w:val="00C544E8"/>
    <w:rsid w:val="00C54A38"/>
    <w:rsid w:val="00C553DD"/>
    <w:rsid w:val="00C55B2E"/>
    <w:rsid w:val="00C56483"/>
    <w:rsid w:val="00C56C59"/>
    <w:rsid w:val="00C57687"/>
    <w:rsid w:val="00C576CF"/>
    <w:rsid w:val="00C57A39"/>
    <w:rsid w:val="00C57B07"/>
    <w:rsid w:val="00C600C2"/>
    <w:rsid w:val="00C6020E"/>
    <w:rsid w:val="00C60A74"/>
    <w:rsid w:val="00C60BB8"/>
    <w:rsid w:val="00C6108C"/>
    <w:rsid w:val="00C61412"/>
    <w:rsid w:val="00C62411"/>
    <w:rsid w:val="00C63639"/>
    <w:rsid w:val="00C64D27"/>
    <w:rsid w:val="00C65068"/>
    <w:rsid w:val="00C65905"/>
    <w:rsid w:val="00C66000"/>
    <w:rsid w:val="00C6636D"/>
    <w:rsid w:val="00C669AA"/>
    <w:rsid w:val="00C66B68"/>
    <w:rsid w:val="00C67A81"/>
    <w:rsid w:val="00C67BA5"/>
    <w:rsid w:val="00C70114"/>
    <w:rsid w:val="00C704D8"/>
    <w:rsid w:val="00C70971"/>
    <w:rsid w:val="00C71540"/>
    <w:rsid w:val="00C715FD"/>
    <w:rsid w:val="00C716D4"/>
    <w:rsid w:val="00C719E9"/>
    <w:rsid w:val="00C71A46"/>
    <w:rsid w:val="00C71D6D"/>
    <w:rsid w:val="00C724A9"/>
    <w:rsid w:val="00C7265F"/>
    <w:rsid w:val="00C72D3F"/>
    <w:rsid w:val="00C73349"/>
    <w:rsid w:val="00C73C05"/>
    <w:rsid w:val="00C73D89"/>
    <w:rsid w:val="00C741DE"/>
    <w:rsid w:val="00C744C3"/>
    <w:rsid w:val="00C749FA"/>
    <w:rsid w:val="00C74C71"/>
    <w:rsid w:val="00C74FBF"/>
    <w:rsid w:val="00C7616A"/>
    <w:rsid w:val="00C762EB"/>
    <w:rsid w:val="00C76883"/>
    <w:rsid w:val="00C76C00"/>
    <w:rsid w:val="00C77B36"/>
    <w:rsid w:val="00C8025A"/>
    <w:rsid w:val="00C82140"/>
    <w:rsid w:val="00C8227D"/>
    <w:rsid w:val="00C83185"/>
    <w:rsid w:val="00C84B02"/>
    <w:rsid w:val="00C84D25"/>
    <w:rsid w:val="00C84DD7"/>
    <w:rsid w:val="00C8504A"/>
    <w:rsid w:val="00C85218"/>
    <w:rsid w:val="00C8583D"/>
    <w:rsid w:val="00C85A8A"/>
    <w:rsid w:val="00C85F86"/>
    <w:rsid w:val="00C862D1"/>
    <w:rsid w:val="00C86488"/>
    <w:rsid w:val="00C86605"/>
    <w:rsid w:val="00C86F95"/>
    <w:rsid w:val="00C871F8"/>
    <w:rsid w:val="00C87508"/>
    <w:rsid w:val="00C87635"/>
    <w:rsid w:val="00C87C9B"/>
    <w:rsid w:val="00C9109E"/>
    <w:rsid w:val="00C913B0"/>
    <w:rsid w:val="00C915E7"/>
    <w:rsid w:val="00C91645"/>
    <w:rsid w:val="00C91D6C"/>
    <w:rsid w:val="00C9206C"/>
    <w:rsid w:val="00C923A4"/>
    <w:rsid w:val="00C92A4B"/>
    <w:rsid w:val="00C935A5"/>
    <w:rsid w:val="00C93C02"/>
    <w:rsid w:val="00C946A9"/>
    <w:rsid w:val="00C95238"/>
    <w:rsid w:val="00C95935"/>
    <w:rsid w:val="00C96D7C"/>
    <w:rsid w:val="00C9713D"/>
    <w:rsid w:val="00C977AB"/>
    <w:rsid w:val="00CA0B32"/>
    <w:rsid w:val="00CA11FA"/>
    <w:rsid w:val="00CA1565"/>
    <w:rsid w:val="00CA2430"/>
    <w:rsid w:val="00CA26DB"/>
    <w:rsid w:val="00CA3724"/>
    <w:rsid w:val="00CA3E92"/>
    <w:rsid w:val="00CA5746"/>
    <w:rsid w:val="00CA6228"/>
    <w:rsid w:val="00CA625F"/>
    <w:rsid w:val="00CA64E3"/>
    <w:rsid w:val="00CA68E8"/>
    <w:rsid w:val="00CA7572"/>
    <w:rsid w:val="00CA7636"/>
    <w:rsid w:val="00CA7D50"/>
    <w:rsid w:val="00CA7DB8"/>
    <w:rsid w:val="00CB04EE"/>
    <w:rsid w:val="00CB0D4B"/>
    <w:rsid w:val="00CB119A"/>
    <w:rsid w:val="00CB12C2"/>
    <w:rsid w:val="00CB12CC"/>
    <w:rsid w:val="00CB17B6"/>
    <w:rsid w:val="00CB1EBD"/>
    <w:rsid w:val="00CB20ED"/>
    <w:rsid w:val="00CB37D2"/>
    <w:rsid w:val="00CB4234"/>
    <w:rsid w:val="00CB4C13"/>
    <w:rsid w:val="00CB4F1B"/>
    <w:rsid w:val="00CB546D"/>
    <w:rsid w:val="00CB6ECD"/>
    <w:rsid w:val="00CB706C"/>
    <w:rsid w:val="00CB70B6"/>
    <w:rsid w:val="00CC0AA1"/>
    <w:rsid w:val="00CC1F5B"/>
    <w:rsid w:val="00CC2211"/>
    <w:rsid w:val="00CC38ED"/>
    <w:rsid w:val="00CC3A0A"/>
    <w:rsid w:val="00CC3B53"/>
    <w:rsid w:val="00CC48CB"/>
    <w:rsid w:val="00CC4E12"/>
    <w:rsid w:val="00CC5E76"/>
    <w:rsid w:val="00CC6BC8"/>
    <w:rsid w:val="00CC793F"/>
    <w:rsid w:val="00CD01B5"/>
    <w:rsid w:val="00CD0759"/>
    <w:rsid w:val="00CD0D98"/>
    <w:rsid w:val="00CD166E"/>
    <w:rsid w:val="00CD2F90"/>
    <w:rsid w:val="00CD2F9A"/>
    <w:rsid w:val="00CD328C"/>
    <w:rsid w:val="00CD4403"/>
    <w:rsid w:val="00CD4A90"/>
    <w:rsid w:val="00CD61A5"/>
    <w:rsid w:val="00CD64F0"/>
    <w:rsid w:val="00CD6CC9"/>
    <w:rsid w:val="00CD7225"/>
    <w:rsid w:val="00CE00EF"/>
    <w:rsid w:val="00CE066D"/>
    <w:rsid w:val="00CE08E2"/>
    <w:rsid w:val="00CE0F1F"/>
    <w:rsid w:val="00CE26F0"/>
    <w:rsid w:val="00CE30ED"/>
    <w:rsid w:val="00CE4121"/>
    <w:rsid w:val="00CE64FD"/>
    <w:rsid w:val="00CE6E80"/>
    <w:rsid w:val="00CE7051"/>
    <w:rsid w:val="00CE7063"/>
    <w:rsid w:val="00CE7B94"/>
    <w:rsid w:val="00CF0035"/>
    <w:rsid w:val="00CF009F"/>
    <w:rsid w:val="00CF0E1D"/>
    <w:rsid w:val="00CF1037"/>
    <w:rsid w:val="00CF161F"/>
    <w:rsid w:val="00CF1DF1"/>
    <w:rsid w:val="00CF2A49"/>
    <w:rsid w:val="00CF31F6"/>
    <w:rsid w:val="00CF42C9"/>
    <w:rsid w:val="00CF4341"/>
    <w:rsid w:val="00CF4559"/>
    <w:rsid w:val="00CF5290"/>
    <w:rsid w:val="00CF5A61"/>
    <w:rsid w:val="00CF6191"/>
    <w:rsid w:val="00CF63A3"/>
    <w:rsid w:val="00CF6E56"/>
    <w:rsid w:val="00CF74C2"/>
    <w:rsid w:val="00CF766E"/>
    <w:rsid w:val="00D00254"/>
    <w:rsid w:val="00D0157C"/>
    <w:rsid w:val="00D0167E"/>
    <w:rsid w:val="00D0183E"/>
    <w:rsid w:val="00D01E2F"/>
    <w:rsid w:val="00D022AE"/>
    <w:rsid w:val="00D03145"/>
    <w:rsid w:val="00D03AE2"/>
    <w:rsid w:val="00D04333"/>
    <w:rsid w:val="00D04AA5"/>
    <w:rsid w:val="00D05AF5"/>
    <w:rsid w:val="00D0686F"/>
    <w:rsid w:val="00D10962"/>
    <w:rsid w:val="00D10AF3"/>
    <w:rsid w:val="00D10B8B"/>
    <w:rsid w:val="00D10C4C"/>
    <w:rsid w:val="00D10D9D"/>
    <w:rsid w:val="00D110CD"/>
    <w:rsid w:val="00D11B20"/>
    <w:rsid w:val="00D129D3"/>
    <w:rsid w:val="00D1313B"/>
    <w:rsid w:val="00D13C8B"/>
    <w:rsid w:val="00D14300"/>
    <w:rsid w:val="00D14C72"/>
    <w:rsid w:val="00D157D0"/>
    <w:rsid w:val="00D15A21"/>
    <w:rsid w:val="00D15F04"/>
    <w:rsid w:val="00D16256"/>
    <w:rsid w:val="00D162F0"/>
    <w:rsid w:val="00D163E2"/>
    <w:rsid w:val="00D1679F"/>
    <w:rsid w:val="00D16F54"/>
    <w:rsid w:val="00D21161"/>
    <w:rsid w:val="00D21509"/>
    <w:rsid w:val="00D21E28"/>
    <w:rsid w:val="00D220EC"/>
    <w:rsid w:val="00D22F77"/>
    <w:rsid w:val="00D23115"/>
    <w:rsid w:val="00D23354"/>
    <w:rsid w:val="00D24595"/>
    <w:rsid w:val="00D24749"/>
    <w:rsid w:val="00D24FD4"/>
    <w:rsid w:val="00D2514F"/>
    <w:rsid w:val="00D255AA"/>
    <w:rsid w:val="00D258DF"/>
    <w:rsid w:val="00D2604A"/>
    <w:rsid w:val="00D26EA5"/>
    <w:rsid w:val="00D2782F"/>
    <w:rsid w:val="00D27B83"/>
    <w:rsid w:val="00D3037D"/>
    <w:rsid w:val="00D32384"/>
    <w:rsid w:val="00D32B21"/>
    <w:rsid w:val="00D3373E"/>
    <w:rsid w:val="00D3425C"/>
    <w:rsid w:val="00D345EA"/>
    <w:rsid w:val="00D3539E"/>
    <w:rsid w:val="00D365AE"/>
    <w:rsid w:val="00D367C3"/>
    <w:rsid w:val="00D3684E"/>
    <w:rsid w:val="00D371F8"/>
    <w:rsid w:val="00D374FE"/>
    <w:rsid w:val="00D37DD7"/>
    <w:rsid w:val="00D407D5"/>
    <w:rsid w:val="00D41958"/>
    <w:rsid w:val="00D444ED"/>
    <w:rsid w:val="00D4453D"/>
    <w:rsid w:val="00D44822"/>
    <w:rsid w:val="00D44921"/>
    <w:rsid w:val="00D458E3"/>
    <w:rsid w:val="00D45954"/>
    <w:rsid w:val="00D45B45"/>
    <w:rsid w:val="00D469A3"/>
    <w:rsid w:val="00D47150"/>
    <w:rsid w:val="00D47332"/>
    <w:rsid w:val="00D4756A"/>
    <w:rsid w:val="00D475EB"/>
    <w:rsid w:val="00D50453"/>
    <w:rsid w:val="00D50BBA"/>
    <w:rsid w:val="00D5103A"/>
    <w:rsid w:val="00D51575"/>
    <w:rsid w:val="00D51758"/>
    <w:rsid w:val="00D51EDE"/>
    <w:rsid w:val="00D52508"/>
    <w:rsid w:val="00D52E1D"/>
    <w:rsid w:val="00D530E5"/>
    <w:rsid w:val="00D53964"/>
    <w:rsid w:val="00D55F58"/>
    <w:rsid w:val="00D565DC"/>
    <w:rsid w:val="00D571E9"/>
    <w:rsid w:val="00D609A2"/>
    <w:rsid w:val="00D61F4E"/>
    <w:rsid w:val="00D624CD"/>
    <w:rsid w:val="00D63230"/>
    <w:rsid w:val="00D635E8"/>
    <w:rsid w:val="00D643D8"/>
    <w:rsid w:val="00D65476"/>
    <w:rsid w:val="00D654F7"/>
    <w:rsid w:val="00D65F52"/>
    <w:rsid w:val="00D705A4"/>
    <w:rsid w:val="00D7107F"/>
    <w:rsid w:val="00D71A46"/>
    <w:rsid w:val="00D71D8C"/>
    <w:rsid w:val="00D71FC7"/>
    <w:rsid w:val="00D72BBB"/>
    <w:rsid w:val="00D73443"/>
    <w:rsid w:val="00D738F3"/>
    <w:rsid w:val="00D73A7C"/>
    <w:rsid w:val="00D73B2F"/>
    <w:rsid w:val="00D753B7"/>
    <w:rsid w:val="00D757EF"/>
    <w:rsid w:val="00D75F15"/>
    <w:rsid w:val="00D75F8C"/>
    <w:rsid w:val="00D7627E"/>
    <w:rsid w:val="00D763BF"/>
    <w:rsid w:val="00D768AB"/>
    <w:rsid w:val="00D76D54"/>
    <w:rsid w:val="00D7701D"/>
    <w:rsid w:val="00D774AE"/>
    <w:rsid w:val="00D77D85"/>
    <w:rsid w:val="00D8083B"/>
    <w:rsid w:val="00D81113"/>
    <w:rsid w:val="00D81575"/>
    <w:rsid w:val="00D819E5"/>
    <w:rsid w:val="00D82496"/>
    <w:rsid w:val="00D827E3"/>
    <w:rsid w:val="00D82BFB"/>
    <w:rsid w:val="00D82E95"/>
    <w:rsid w:val="00D8324C"/>
    <w:rsid w:val="00D83BFC"/>
    <w:rsid w:val="00D84665"/>
    <w:rsid w:val="00D84838"/>
    <w:rsid w:val="00D8498E"/>
    <w:rsid w:val="00D8559D"/>
    <w:rsid w:val="00D856F1"/>
    <w:rsid w:val="00D85F42"/>
    <w:rsid w:val="00D87562"/>
    <w:rsid w:val="00D87F1B"/>
    <w:rsid w:val="00D9043C"/>
    <w:rsid w:val="00D9136F"/>
    <w:rsid w:val="00D929C9"/>
    <w:rsid w:val="00D9341B"/>
    <w:rsid w:val="00D93427"/>
    <w:rsid w:val="00D948DF"/>
    <w:rsid w:val="00D952A4"/>
    <w:rsid w:val="00D959BB"/>
    <w:rsid w:val="00D96019"/>
    <w:rsid w:val="00D96D6F"/>
    <w:rsid w:val="00D971D9"/>
    <w:rsid w:val="00DA0316"/>
    <w:rsid w:val="00DA0625"/>
    <w:rsid w:val="00DA0FCA"/>
    <w:rsid w:val="00DA108F"/>
    <w:rsid w:val="00DA1EB3"/>
    <w:rsid w:val="00DA1F52"/>
    <w:rsid w:val="00DA2298"/>
    <w:rsid w:val="00DA2961"/>
    <w:rsid w:val="00DA30F3"/>
    <w:rsid w:val="00DA3640"/>
    <w:rsid w:val="00DA3CD5"/>
    <w:rsid w:val="00DA45C6"/>
    <w:rsid w:val="00DA5261"/>
    <w:rsid w:val="00DA54DE"/>
    <w:rsid w:val="00DA653A"/>
    <w:rsid w:val="00DA6EAA"/>
    <w:rsid w:val="00DA6FFC"/>
    <w:rsid w:val="00DA76DF"/>
    <w:rsid w:val="00DA78BF"/>
    <w:rsid w:val="00DA7ABB"/>
    <w:rsid w:val="00DA7E78"/>
    <w:rsid w:val="00DB0883"/>
    <w:rsid w:val="00DB0A58"/>
    <w:rsid w:val="00DB0E8E"/>
    <w:rsid w:val="00DB106B"/>
    <w:rsid w:val="00DB15C5"/>
    <w:rsid w:val="00DB1AE3"/>
    <w:rsid w:val="00DB1B04"/>
    <w:rsid w:val="00DB1E04"/>
    <w:rsid w:val="00DB20D0"/>
    <w:rsid w:val="00DB25B8"/>
    <w:rsid w:val="00DB2A7F"/>
    <w:rsid w:val="00DB2C63"/>
    <w:rsid w:val="00DB3BF8"/>
    <w:rsid w:val="00DB3C94"/>
    <w:rsid w:val="00DB4309"/>
    <w:rsid w:val="00DB4E0A"/>
    <w:rsid w:val="00DB4FB7"/>
    <w:rsid w:val="00DB5486"/>
    <w:rsid w:val="00DB587C"/>
    <w:rsid w:val="00DB5D1C"/>
    <w:rsid w:val="00DB6497"/>
    <w:rsid w:val="00DB7915"/>
    <w:rsid w:val="00DB7D1A"/>
    <w:rsid w:val="00DB7EDD"/>
    <w:rsid w:val="00DC03B4"/>
    <w:rsid w:val="00DC0AB3"/>
    <w:rsid w:val="00DC28C0"/>
    <w:rsid w:val="00DC29A7"/>
    <w:rsid w:val="00DC31A9"/>
    <w:rsid w:val="00DC3D6A"/>
    <w:rsid w:val="00DC3F30"/>
    <w:rsid w:val="00DC4D93"/>
    <w:rsid w:val="00DC5051"/>
    <w:rsid w:val="00DC54D2"/>
    <w:rsid w:val="00DC5A7B"/>
    <w:rsid w:val="00DC5AAA"/>
    <w:rsid w:val="00DC5DC3"/>
    <w:rsid w:val="00DC73B6"/>
    <w:rsid w:val="00DC7E43"/>
    <w:rsid w:val="00DD0664"/>
    <w:rsid w:val="00DD141E"/>
    <w:rsid w:val="00DD174C"/>
    <w:rsid w:val="00DD2012"/>
    <w:rsid w:val="00DD267C"/>
    <w:rsid w:val="00DD2935"/>
    <w:rsid w:val="00DD2D52"/>
    <w:rsid w:val="00DD416E"/>
    <w:rsid w:val="00DD458E"/>
    <w:rsid w:val="00DD45B7"/>
    <w:rsid w:val="00DD481E"/>
    <w:rsid w:val="00DD4D76"/>
    <w:rsid w:val="00DD65BF"/>
    <w:rsid w:val="00DD6676"/>
    <w:rsid w:val="00DD7253"/>
    <w:rsid w:val="00DE1B1F"/>
    <w:rsid w:val="00DE1E50"/>
    <w:rsid w:val="00DE2550"/>
    <w:rsid w:val="00DE28E7"/>
    <w:rsid w:val="00DE2DE1"/>
    <w:rsid w:val="00DE3D37"/>
    <w:rsid w:val="00DE3D77"/>
    <w:rsid w:val="00DE44CB"/>
    <w:rsid w:val="00DE47D7"/>
    <w:rsid w:val="00DE5D34"/>
    <w:rsid w:val="00DE6CAE"/>
    <w:rsid w:val="00DE6F7C"/>
    <w:rsid w:val="00DE7409"/>
    <w:rsid w:val="00DE772C"/>
    <w:rsid w:val="00DF08C5"/>
    <w:rsid w:val="00DF117E"/>
    <w:rsid w:val="00DF204F"/>
    <w:rsid w:val="00DF20F2"/>
    <w:rsid w:val="00DF3739"/>
    <w:rsid w:val="00DF406A"/>
    <w:rsid w:val="00DF4337"/>
    <w:rsid w:val="00DF7C66"/>
    <w:rsid w:val="00E00095"/>
    <w:rsid w:val="00E00D1F"/>
    <w:rsid w:val="00E03CF3"/>
    <w:rsid w:val="00E04264"/>
    <w:rsid w:val="00E047B6"/>
    <w:rsid w:val="00E04C43"/>
    <w:rsid w:val="00E04CA5"/>
    <w:rsid w:val="00E050BB"/>
    <w:rsid w:val="00E056BC"/>
    <w:rsid w:val="00E07D0F"/>
    <w:rsid w:val="00E102E8"/>
    <w:rsid w:val="00E11141"/>
    <w:rsid w:val="00E1267A"/>
    <w:rsid w:val="00E141FE"/>
    <w:rsid w:val="00E14231"/>
    <w:rsid w:val="00E154B2"/>
    <w:rsid w:val="00E159F3"/>
    <w:rsid w:val="00E15B5F"/>
    <w:rsid w:val="00E1695D"/>
    <w:rsid w:val="00E16D7F"/>
    <w:rsid w:val="00E17053"/>
    <w:rsid w:val="00E2066A"/>
    <w:rsid w:val="00E2074F"/>
    <w:rsid w:val="00E21875"/>
    <w:rsid w:val="00E2192D"/>
    <w:rsid w:val="00E21A60"/>
    <w:rsid w:val="00E235C6"/>
    <w:rsid w:val="00E239B5"/>
    <w:rsid w:val="00E24CB5"/>
    <w:rsid w:val="00E253DD"/>
    <w:rsid w:val="00E262A3"/>
    <w:rsid w:val="00E269B8"/>
    <w:rsid w:val="00E26A12"/>
    <w:rsid w:val="00E2732F"/>
    <w:rsid w:val="00E27C99"/>
    <w:rsid w:val="00E30C04"/>
    <w:rsid w:val="00E312B2"/>
    <w:rsid w:val="00E31973"/>
    <w:rsid w:val="00E3198F"/>
    <w:rsid w:val="00E31F3A"/>
    <w:rsid w:val="00E326F1"/>
    <w:rsid w:val="00E32A03"/>
    <w:rsid w:val="00E33D93"/>
    <w:rsid w:val="00E33DC7"/>
    <w:rsid w:val="00E34DA4"/>
    <w:rsid w:val="00E35521"/>
    <w:rsid w:val="00E3555C"/>
    <w:rsid w:val="00E35F08"/>
    <w:rsid w:val="00E36135"/>
    <w:rsid w:val="00E3629E"/>
    <w:rsid w:val="00E364BA"/>
    <w:rsid w:val="00E37439"/>
    <w:rsid w:val="00E37459"/>
    <w:rsid w:val="00E41329"/>
    <w:rsid w:val="00E41581"/>
    <w:rsid w:val="00E41942"/>
    <w:rsid w:val="00E419A6"/>
    <w:rsid w:val="00E426E0"/>
    <w:rsid w:val="00E4335B"/>
    <w:rsid w:val="00E43F47"/>
    <w:rsid w:val="00E45448"/>
    <w:rsid w:val="00E463F0"/>
    <w:rsid w:val="00E4642C"/>
    <w:rsid w:val="00E4645F"/>
    <w:rsid w:val="00E47199"/>
    <w:rsid w:val="00E4720D"/>
    <w:rsid w:val="00E47765"/>
    <w:rsid w:val="00E50DB7"/>
    <w:rsid w:val="00E50E32"/>
    <w:rsid w:val="00E514E2"/>
    <w:rsid w:val="00E5200D"/>
    <w:rsid w:val="00E53AC9"/>
    <w:rsid w:val="00E54311"/>
    <w:rsid w:val="00E54A3C"/>
    <w:rsid w:val="00E54B55"/>
    <w:rsid w:val="00E566B7"/>
    <w:rsid w:val="00E56767"/>
    <w:rsid w:val="00E568B2"/>
    <w:rsid w:val="00E579AA"/>
    <w:rsid w:val="00E57B6A"/>
    <w:rsid w:val="00E60121"/>
    <w:rsid w:val="00E60EC4"/>
    <w:rsid w:val="00E616E7"/>
    <w:rsid w:val="00E61762"/>
    <w:rsid w:val="00E6198A"/>
    <w:rsid w:val="00E6233E"/>
    <w:rsid w:val="00E6293D"/>
    <w:rsid w:val="00E62EDF"/>
    <w:rsid w:val="00E62FD1"/>
    <w:rsid w:val="00E6340B"/>
    <w:rsid w:val="00E6431D"/>
    <w:rsid w:val="00E64E7C"/>
    <w:rsid w:val="00E64F2A"/>
    <w:rsid w:val="00E65AEA"/>
    <w:rsid w:val="00E6600B"/>
    <w:rsid w:val="00E700AB"/>
    <w:rsid w:val="00E70587"/>
    <w:rsid w:val="00E71202"/>
    <w:rsid w:val="00E71F5E"/>
    <w:rsid w:val="00E72213"/>
    <w:rsid w:val="00E7359C"/>
    <w:rsid w:val="00E737FB"/>
    <w:rsid w:val="00E739A1"/>
    <w:rsid w:val="00E73CF8"/>
    <w:rsid w:val="00E74A9D"/>
    <w:rsid w:val="00E74C99"/>
    <w:rsid w:val="00E74E28"/>
    <w:rsid w:val="00E75AFD"/>
    <w:rsid w:val="00E76058"/>
    <w:rsid w:val="00E763D2"/>
    <w:rsid w:val="00E7702A"/>
    <w:rsid w:val="00E77711"/>
    <w:rsid w:val="00E77EC9"/>
    <w:rsid w:val="00E805C7"/>
    <w:rsid w:val="00E829BA"/>
    <w:rsid w:val="00E82AE5"/>
    <w:rsid w:val="00E83B6F"/>
    <w:rsid w:val="00E845EE"/>
    <w:rsid w:val="00E84618"/>
    <w:rsid w:val="00E84FFB"/>
    <w:rsid w:val="00E85BF1"/>
    <w:rsid w:val="00E85C46"/>
    <w:rsid w:val="00E8661C"/>
    <w:rsid w:val="00E866C6"/>
    <w:rsid w:val="00E86B84"/>
    <w:rsid w:val="00E879D8"/>
    <w:rsid w:val="00E90238"/>
    <w:rsid w:val="00E906A5"/>
    <w:rsid w:val="00E90F02"/>
    <w:rsid w:val="00E9182B"/>
    <w:rsid w:val="00E91B7F"/>
    <w:rsid w:val="00E929CF"/>
    <w:rsid w:val="00E931B3"/>
    <w:rsid w:val="00E934E9"/>
    <w:rsid w:val="00E941F3"/>
    <w:rsid w:val="00E95084"/>
    <w:rsid w:val="00E951DD"/>
    <w:rsid w:val="00E9577D"/>
    <w:rsid w:val="00E96290"/>
    <w:rsid w:val="00E9673B"/>
    <w:rsid w:val="00E96A75"/>
    <w:rsid w:val="00E97616"/>
    <w:rsid w:val="00EA13E3"/>
    <w:rsid w:val="00EA2135"/>
    <w:rsid w:val="00EA26A6"/>
    <w:rsid w:val="00EA2B0E"/>
    <w:rsid w:val="00EA3FD4"/>
    <w:rsid w:val="00EA454D"/>
    <w:rsid w:val="00EA47F5"/>
    <w:rsid w:val="00EA4A88"/>
    <w:rsid w:val="00EA4BCB"/>
    <w:rsid w:val="00EA4CA8"/>
    <w:rsid w:val="00EA52CA"/>
    <w:rsid w:val="00EA5D7A"/>
    <w:rsid w:val="00EA62DC"/>
    <w:rsid w:val="00EA69D3"/>
    <w:rsid w:val="00EA6C8A"/>
    <w:rsid w:val="00EA74F0"/>
    <w:rsid w:val="00EA7661"/>
    <w:rsid w:val="00EA782E"/>
    <w:rsid w:val="00EA7F6F"/>
    <w:rsid w:val="00EB0100"/>
    <w:rsid w:val="00EB046F"/>
    <w:rsid w:val="00EB0E6D"/>
    <w:rsid w:val="00EB1172"/>
    <w:rsid w:val="00EB1394"/>
    <w:rsid w:val="00EB14B9"/>
    <w:rsid w:val="00EB1761"/>
    <w:rsid w:val="00EB1A57"/>
    <w:rsid w:val="00EB1AE4"/>
    <w:rsid w:val="00EB1D67"/>
    <w:rsid w:val="00EB200B"/>
    <w:rsid w:val="00EB24B9"/>
    <w:rsid w:val="00EB2809"/>
    <w:rsid w:val="00EB2B5C"/>
    <w:rsid w:val="00EB2C2C"/>
    <w:rsid w:val="00EB2E53"/>
    <w:rsid w:val="00EB2E58"/>
    <w:rsid w:val="00EB3590"/>
    <w:rsid w:val="00EB3CBF"/>
    <w:rsid w:val="00EB47AD"/>
    <w:rsid w:val="00EB4ABE"/>
    <w:rsid w:val="00EB5081"/>
    <w:rsid w:val="00EB678A"/>
    <w:rsid w:val="00EB72AB"/>
    <w:rsid w:val="00EC0F83"/>
    <w:rsid w:val="00EC116F"/>
    <w:rsid w:val="00EC117C"/>
    <w:rsid w:val="00EC1591"/>
    <w:rsid w:val="00EC1CA8"/>
    <w:rsid w:val="00EC2965"/>
    <w:rsid w:val="00EC2A97"/>
    <w:rsid w:val="00EC2BE5"/>
    <w:rsid w:val="00EC3C72"/>
    <w:rsid w:val="00EC43FF"/>
    <w:rsid w:val="00EC5556"/>
    <w:rsid w:val="00EC55E9"/>
    <w:rsid w:val="00EC5AA2"/>
    <w:rsid w:val="00EC5C31"/>
    <w:rsid w:val="00EC6292"/>
    <w:rsid w:val="00EC6B73"/>
    <w:rsid w:val="00EC77C2"/>
    <w:rsid w:val="00ED11F7"/>
    <w:rsid w:val="00ED2CA9"/>
    <w:rsid w:val="00ED3137"/>
    <w:rsid w:val="00ED3234"/>
    <w:rsid w:val="00ED4A1F"/>
    <w:rsid w:val="00ED5025"/>
    <w:rsid w:val="00ED5756"/>
    <w:rsid w:val="00ED5E6A"/>
    <w:rsid w:val="00ED6067"/>
    <w:rsid w:val="00ED6670"/>
    <w:rsid w:val="00ED7D82"/>
    <w:rsid w:val="00EE06C4"/>
    <w:rsid w:val="00EE0B07"/>
    <w:rsid w:val="00EE1BB0"/>
    <w:rsid w:val="00EE1D1D"/>
    <w:rsid w:val="00EE4B78"/>
    <w:rsid w:val="00EE4F36"/>
    <w:rsid w:val="00EE596C"/>
    <w:rsid w:val="00EE5AE9"/>
    <w:rsid w:val="00EE5BA5"/>
    <w:rsid w:val="00EE5BB9"/>
    <w:rsid w:val="00EE5D57"/>
    <w:rsid w:val="00EE63BD"/>
    <w:rsid w:val="00EE6C36"/>
    <w:rsid w:val="00EE7213"/>
    <w:rsid w:val="00EE74A2"/>
    <w:rsid w:val="00EE7D81"/>
    <w:rsid w:val="00EF052A"/>
    <w:rsid w:val="00EF0AA6"/>
    <w:rsid w:val="00EF0E20"/>
    <w:rsid w:val="00EF5188"/>
    <w:rsid w:val="00EF5449"/>
    <w:rsid w:val="00EF55E1"/>
    <w:rsid w:val="00EF729C"/>
    <w:rsid w:val="00EF75D8"/>
    <w:rsid w:val="00EF7FD8"/>
    <w:rsid w:val="00F00B98"/>
    <w:rsid w:val="00F00DC2"/>
    <w:rsid w:val="00F01DAF"/>
    <w:rsid w:val="00F01FC9"/>
    <w:rsid w:val="00F01FF0"/>
    <w:rsid w:val="00F02212"/>
    <w:rsid w:val="00F02E75"/>
    <w:rsid w:val="00F03933"/>
    <w:rsid w:val="00F03FFF"/>
    <w:rsid w:val="00F040B0"/>
    <w:rsid w:val="00F04276"/>
    <w:rsid w:val="00F0446F"/>
    <w:rsid w:val="00F04757"/>
    <w:rsid w:val="00F049CC"/>
    <w:rsid w:val="00F04BA9"/>
    <w:rsid w:val="00F0580D"/>
    <w:rsid w:val="00F05BF4"/>
    <w:rsid w:val="00F06C6F"/>
    <w:rsid w:val="00F07323"/>
    <w:rsid w:val="00F10008"/>
    <w:rsid w:val="00F1052D"/>
    <w:rsid w:val="00F10AD6"/>
    <w:rsid w:val="00F1136D"/>
    <w:rsid w:val="00F11473"/>
    <w:rsid w:val="00F1267B"/>
    <w:rsid w:val="00F135D0"/>
    <w:rsid w:val="00F13633"/>
    <w:rsid w:val="00F13859"/>
    <w:rsid w:val="00F13A36"/>
    <w:rsid w:val="00F13F54"/>
    <w:rsid w:val="00F1403E"/>
    <w:rsid w:val="00F142B1"/>
    <w:rsid w:val="00F144FB"/>
    <w:rsid w:val="00F14504"/>
    <w:rsid w:val="00F14AC5"/>
    <w:rsid w:val="00F14AD9"/>
    <w:rsid w:val="00F15404"/>
    <w:rsid w:val="00F157FE"/>
    <w:rsid w:val="00F15CA2"/>
    <w:rsid w:val="00F177C7"/>
    <w:rsid w:val="00F17D6E"/>
    <w:rsid w:val="00F20FFA"/>
    <w:rsid w:val="00F21188"/>
    <w:rsid w:val="00F213C4"/>
    <w:rsid w:val="00F214C5"/>
    <w:rsid w:val="00F21C0F"/>
    <w:rsid w:val="00F21C26"/>
    <w:rsid w:val="00F2407A"/>
    <w:rsid w:val="00F245F4"/>
    <w:rsid w:val="00F253C9"/>
    <w:rsid w:val="00F260C1"/>
    <w:rsid w:val="00F272F0"/>
    <w:rsid w:val="00F305AC"/>
    <w:rsid w:val="00F307B4"/>
    <w:rsid w:val="00F30EDE"/>
    <w:rsid w:val="00F31508"/>
    <w:rsid w:val="00F3179D"/>
    <w:rsid w:val="00F31DEB"/>
    <w:rsid w:val="00F3373B"/>
    <w:rsid w:val="00F33EEA"/>
    <w:rsid w:val="00F34698"/>
    <w:rsid w:val="00F34C94"/>
    <w:rsid w:val="00F350E0"/>
    <w:rsid w:val="00F35855"/>
    <w:rsid w:val="00F36BD2"/>
    <w:rsid w:val="00F36DB9"/>
    <w:rsid w:val="00F375D4"/>
    <w:rsid w:val="00F37D4B"/>
    <w:rsid w:val="00F40140"/>
    <w:rsid w:val="00F405F0"/>
    <w:rsid w:val="00F41026"/>
    <w:rsid w:val="00F411C7"/>
    <w:rsid w:val="00F41860"/>
    <w:rsid w:val="00F42AED"/>
    <w:rsid w:val="00F4334B"/>
    <w:rsid w:val="00F433AC"/>
    <w:rsid w:val="00F43733"/>
    <w:rsid w:val="00F43E59"/>
    <w:rsid w:val="00F44741"/>
    <w:rsid w:val="00F44E41"/>
    <w:rsid w:val="00F45239"/>
    <w:rsid w:val="00F45D0D"/>
    <w:rsid w:val="00F46A21"/>
    <w:rsid w:val="00F46F69"/>
    <w:rsid w:val="00F47F5A"/>
    <w:rsid w:val="00F50804"/>
    <w:rsid w:val="00F50843"/>
    <w:rsid w:val="00F50A82"/>
    <w:rsid w:val="00F50C4D"/>
    <w:rsid w:val="00F50F82"/>
    <w:rsid w:val="00F5272D"/>
    <w:rsid w:val="00F52AEA"/>
    <w:rsid w:val="00F5399A"/>
    <w:rsid w:val="00F53EBB"/>
    <w:rsid w:val="00F54D8D"/>
    <w:rsid w:val="00F552D5"/>
    <w:rsid w:val="00F55A90"/>
    <w:rsid w:val="00F55CA5"/>
    <w:rsid w:val="00F56DDC"/>
    <w:rsid w:val="00F57F31"/>
    <w:rsid w:val="00F60154"/>
    <w:rsid w:val="00F60878"/>
    <w:rsid w:val="00F60A9E"/>
    <w:rsid w:val="00F60E1D"/>
    <w:rsid w:val="00F61388"/>
    <w:rsid w:val="00F6159F"/>
    <w:rsid w:val="00F620A5"/>
    <w:rsid w:val="00F621D4"/>
    <w:rsid w:val="00F625D4"/>
    <w:rsid w:val="00F628CF"/>
    <w:rsid w:val="00F62A05"/>
    <w:rsid w:val="00F62A07"/>
    <w:rsid w:val="00F62B50"/>
    <w:rsid w:val="00F6301B"/>
    <w:rsid w:val="00F63AAC"/>
    <w:rsid w:val="00F644DE"/>
    <w:rsid w:val="00F64F4C"/>
    <w:rsid w:val="00F6559A"/>
    <w:rsid w:val="00F65DA1"/>
    <w:rsid w:val="00F66321"/>
    <w:rsid w:val="00F66906"/>
    <w:rsid w:val="00F66D21"/>
    <w:rsid w:val="00F6711A"/>
    <w:rsid w:val="00F673FD"/>
    <w:rsid w:val="00F67F5D"/>
    <w:rsid w:val="00F705C6"/>
    <w:rsid w:val="00F707FA"/>
    <w:rsid w:val="00F711DE"/>
    <w:rsid w:val="00F717DD"/>
    <w:rsid w:val="00F71932"/>
    <w:rsid w:val="00F71987"/>
    <w:rsid w:val="00F7237B"/>
    <w:rsid w:val="00F73040"/>
    <w:rsid w:val="00F73280"/>
    <w:rsid w:val="00F73B52"/>
    <w:rsid w:val="00F746B8"/>
    <w:rsid w:val="00F74D61"/>
    <w:rsid w:val="00F76FCD"/>
    <w:rsid w:val="00F77859"/>
    <w:rsid w:val="00F80223"/>
    <w:rsid w:val="00F80485"/>
    <w:rsid w:val="00F80CC1"/>
    <w:rsid w:val="00F817D6"/>
    <w:rsid w:val="00F819B6"/>
    <w:rsid w:val="00F81E13"/>
    <w:rsid w:val="00F83083"/>
    <w:rsid w:val="00F833D8"/>
    <w:rsid w:val="00F834B4"/>
    <w:rsid w:val="00F84324"/>
    <w:rsid w:val="00F84548"/>
    <w:rsid w:val="00F84696"/>
    <w:rsid w:val="00F84CE5"/>
    <w:rsid w:val="00F85BE9"/>
    <w:rsid w:val="00F865BB"/>
    <w:rsid w:val="00F86756"/>
    <w:rsid w:val="00F8779F"/>
    <w:rsid w:val="00F87BA3"/>
    <w:rsid w:val="00F90971"/>
    <w:rsid w:val="00F91BA0"/>
    <w:rsid w:val="00F91FEE"/>
    <w:rsid w:val="00F9303F"/>
    <w:rsid w:val="00F9382F"/>
    <w:rsid w:val="00F94368"/>
    <w:rsid w:val="00F96031"/>
    <w:rsid w:val="00F96074"/>
    <w:rsid w:val="00F967E8"/>
    <w:rsid w:val="00F9753C"/>
    <w:rsid w:val="00F97698"/>
    <w:rsid w:val="00F9787B"/>
    <w:rsid w:val="00F978EE"/>
    <w:rsid w:val="00F97B58"/>
    <w:rsid w:val="00FA0809"/>
    <w:rsid w:val="00FA25F6"/>
    <w:rsid w:val="00FA26B6"/>
    <w:rsid w:val="00FA2FE8"/>
    <w:rsid w:val="00FA3382"/>
    <w:rsid w:val="00FA3A96"/>
    <w:rsid w:val="00FA6CE7"/>
    <w:rsid w:val="00FA7952"/>
    <w:rsid w:val="00FA7F02"/>
    <w:rsid w:val="00FB07E6"/>
    <w:rsid w:val="00FB1207"/>
    <w:rsid w:val="00FB17B9"/>
    <w:rsid w:val="00FB214D"/>
    <w:rsid w:val="00FB2F21"/>
    <w:rsid w:val="00FB39F5"/>
    <w:rsid w:val="00FB4BAA"/>
    <w:rsid w:val="00FB4E14"/>
    <w:rsid w:val="00FB5792"/>
    <w:rsid w:val="00FB57B2"/>
    <w:rsid w:val="00FB5C4C"/>
    <w:rsid w:val="00FB6B80"/>
    <w:rsid w:val="00FB75BB"/>
    <w:rsid w:val="00FB78C7"/>
    <w:rsid w:val="00FB7F91"/>
    <w:rsid w:val="00FC0971"/>
    <w:rsid w:val="00FC099C"/>
    <w:rsid w:val="00FC0A73"/>
    <w:rsid w:val="00FC16F0"/>
    <w:rsid w:val="00FC17AB"/>
    <w:rsid w:val="00FC2B6A"/>
    <w:rsid w:val="00FC2D0F"/>
    <w:rsid w:val="00FC2D9C"/>
    <w:rsid w:val="00FC305F"/>
    <w:rsid w:val="00FC389D"/>
    <w:rsid w:val="00FC41CD"/>
    <w:rsid w:val="00FC4423"/>
    <w:rsid w:val="00FC47D7"/>
    <w:rsid w:val="00FC4FA8"/>
    <w:rsid w:val="00FC5E99"/>
    <w:rsid w:val="00FC5ECE"/>
    <w:rsid w:val="00FC6318"/>
    <w:rsid w:val="00FC69F8"/>
    <w:rsid w:val="00FC7C7C"/>
    <w:rsid w:val="00FD016E"/>
    <w:rsid w:val="00FD0E0E"/>
    <w:rsid w:val="00FD1202"/>
    <w:rsid w:val="00FD1A35"/>
    <w:rsid w:val="00FD2A7A"/>
    <w:rsid w:val="00FD2BBD"/>
    <w:rsid w:val="00FD2D9B"/>
    <w:rsid w:val="00FD321F"/>
    <w:rsid w:val="00FD3527"/>
    <w:rsid w:val="00FD39FD"/>
    <w:rsid w:val="00FD3E18"/>
    <w:rsid w:val="00FD4467"/>
    <w:rsid w:val="00FD44A4"/>
    <w:rsid w:val="00FD47F9"/>
    <w:rsid w:val="00FD4EE6"/>
    <w:rsid w:val="00FD5299"/>
    <w:rsid w:val="00FD564B"/>
    <w:rsid w:val="00FD6703"/>
    <w:rsid w:val="00FD6F26"/>
    <w:rsid w:val="00FD76DF"/>
    <w:rsid w:val="00FD7742"/>
    <w:rsid w:val="00FD7C67"/>
    <w:rsid w:val="00FE0612"/>
    <w:rsid w:val="00FE1677"/>
    <w:rsid w:val="00FE1E4B"/>
    <w:rsid w:val="00FE2B5C"/>
    <w:rsid w:val="00FE305E"/>
    <w:rsid w:val="00FE3404"/>
    <w:rsid w:val="00FE35C0"/>
    <w:rsid w:val="00FE425A"/>
    <w:rsid w:val="00FE55CE"/>
    <w:rsid w:val="00FE5696"/>
    <w:rsid w:val="00FE6A6D"/>
    <w:rsid w:val="00FF01BF"/>
    <w:rsid w:val="00FF0492"/>
    <w:rsid w:val="00FF0561"/>
    <w:rsid w:val="00FF1AF2"/>
    <w:rsid w:val="00FF212D"/>
    <w:rsid w:val="00FF33CD"/>
    <w:rsid w:val="00FF3982"/>
    <w:rsid w:val="00FF62C6"/>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5E5FF3D5"/>
  <w15:chartTrackingRefBased/>
  <w15:docId w15:val="{007333C7-9797-4E9D-8EA1-90341BD0E86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Arial" w:eastAsiaTheme="minorHAnsi" w:hAnsi="Arial" w:cstheme="minorBidi"/>
        <w:kern w:val="2"/>
        <w:szCs w:val="22"/>
        <w:lang w:val="en-GB" w:eastAsia="en-US" w:bidi="ar-SA"/>
        <w14:ligatures w14:val="standardContextual"/>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0B57DF"/>
    <w:pPr>
      <w:tabs>
        <w:tab w:val="center" w:pos="4513"/>
        <w:tab w:val="right" w:pos="9026"/>
      </w:tabs>
      <w:spacing w:after="0" w:line="240" w:lineRule="auto"/>
    </w:pPr>
  </w:style>
  <w:style w:type="character" w:customStyle="1" w:styleId="HeaderChar">
    <w:name w:val="Header Char"/>
    <w:basedOn w:val="DefaultParagraphFont"/>
    <w:link w:val="Header"/>
    <w:uiPriority w:val="99"/>
    <w:rsid w:val="000B57DF"/>
  </w:style>
  <w:style w:type="paragraph" w:styleId="Footer">
    <w:name w:val="footer"/>
    <w:basedOn w:val="Normal"/>
    <w:link w:val="FooterChar"/>
    <w:uiPriority w:val="99"/>
    <w:unhideWhenUsed/>
    <w:rsid w:val="000B57DF"/>
    <w:pPr>
      <w:tabs>
        <w:tab w:val="center" w:pos="4513"/>
        <w:tab w:val="right" w:pos="9026"/>
      </w:tabs>
      <w:spacing w:after="0" w:line="240" w:lineRule="auto"/>
    </w:pPr>
  </w:style>
  <w:style w:type="character" w:customStyle="1" w:styleId="FooterChar">
    <w:name w:val="Footer Char"/>
    <w:basedOn w:val="DefaultParagraphFont"/>
    <w:link w:val="Footer"/>
    <w:uiPriority w:val="99"/>
    <w:rsid w:val="000B57DF"/>
  </w:style>
  <w:style w:type="paragraph" w:styleId="ListParagraph">
    <w:name w:val="List Paragraph"/>
    <w:basedOn w:val="Normal"/>
    <w:uiPriority w:val="34"/>
    <w:qFormat/>
    <w:rsid w:val="006E2C77"/>
    <w:pPr>
      <w:ind w:left="720"/>
      <w:contextualSpacing/>
    </w:pPr>
  </w:style>
  <w:style w:type="paragraph" w:styleId="NoSpacing">
    <w:name w:val="No Spacing"/>
    <w:uiPriority w:val="1"/>
    <w:qFormat/>
    <w:rsid w:val="00536791"/>
    <w:pPr>
      <w:spacing w:after="0" w:line="240" w:lineRule="auto"/>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7047412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header" Target="header2.xml" Id="rId8" /><Relationship Type="http://schemas.openxmlformats.org/officeDocument/2006/relationships/fontTable" Target="fontTable.xml" Id="rId13" /><Relationship Type="http://schemas.openxmlformats.org/officeDocument/2006/relationships/settings" Target="settings.xml" Id="rId3" /><Relationship Type="http://schemas.openxmlformats.org/officeDocument/2006/relationships/header" Target="header1.xml" Id="rId7" /><Relationship Type="http://schemas.openxmlformats.org/officeDocument/2006/relationships/footer" Target="footer3.xml" Id="rId12"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eader" Target="header3.xml" Id="rId11" /><Relationship Type="http://schemas.openxmlformats.org/officeDocument/2006/relationships/footnotes" Target="footnotes.xml" Id="rId5" /><Relationship Type="http://schemas.openxmlformats.org/officeDocument/2006/relationships/footer" Target="footer2.xml" Id="rId10" /><Relationship Type="http://schemas.openxmlformats.org/officeDocument/2006/relationships/webSettings" Target="webSettings.xml" Id="rId4" /><Relationship Type="http://schemas.openxmlformats.org/officeDocument/2006/relationships/footer" Target="footer1.xml" Id="rId9" /><Relationship Type="http://schemas.openxmlformats.org/officeDocument/2006/relationships/theme" Target="theme/theme1.xml" Id="rId14"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xml>��< ? x m l   v e r s i o n = " 1 . 0 "   e n c o d i n g = " u t f - 1 6 " ? >  
 < p r o p e r t i e s   x m l n s = " h t t p : / / w w w . i m a n a g e . c o m / w o r k / x m l s c h e m a " >  
     < d o c u m e n t i d > A C T I V E ! 1 4 0 0 8 3 0 0 . 1 < / d o c u m e n t i d >  
     < s e n d e r i d > L R E A Y < / s e n d e r i d >  
     < s e n d e r e m a i l > L I S A . R E A Y @ M U C K L E - L L P . C O M < / s e n d e r e m a i l >  
     < l a s t m o d i f i e d > 2 0 2 3 - 1 1 - 2 8 T 1 5 : 1 9 : 0 0 . 0 0 0 0 0 0 0 + 0 0 : 0 0 < / l a s t m o d i f i e d >  
     < d a t a b a s e > A C T I V E < / d a t a b a s e >  
 < / p r o p e r t i e s > 
</file>

<file path=docProps/app.xml><?xml version="1.0" encoding="utf-8"?>
<Properties xmlns="http://schemas.openxmlformats.org/officeDocument/2006/extended-properties" xmlns:vt="http://schemas.openxmlformats.org/officeDocument/2006/docPropsVTypes">
  <Template>Normal.dotm</Template>
  <TotalTime>72</TotalTime>
  <Pages>4</Pages>
  <Words>831</Words>
  <Characters>4742</Characters>
  <Application>Microsoft Office Word</Application>
  <DocSecurity>0</DocSecurity>
  <Lines>39</Lines>
  <Paragraphs>11</Paragraphs>
  <ScaleCrop>false</ScaleCrop>
  <HeadingPairs>
    <vt:vector size="2" baseType="variant">
      <vt:variant>
        <vt:lpstr>Title</vt:lpstr>
      </vt:variant>
      <vt:variant>
        <vt:i4>1</vt:i4>
      </vt:variant>
    </vt:vector>
  </HeadingPairs>
  <TitlesOfParts>
    <vt:vector size="1" baseType="lpstr">
      <vt:lpstr/>
    </vt:vector>
  </TitlesOfParts>
  <Company>Muckle LLP</Company>
  <LinksUpToDate>false</LinksUpToDate>
  <CharactersWithSpaces>556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Lisa Reay</dc:creator>
  <cp:keywords/>
  <dc:description/>
  <cp:lastModifiedBy>Lisa Reay</cp:lastModifiedBy>
  <cp:revision>11</cp:revision>
  <dcterms:created xsi:type="dcterms:W3CDTF">2023-11-13T11:52:00Z</dcterms:created>
  <dcterms:modified xsi:type="dcterms:W3CDTF">2023-11-28T15:1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PRIVATE.LREAY.14008300.1</vt:lpwstr>
  </property>
  <property fmtid="{D5CDD505-2E9C-101B-9397-08002B2CF9AE}" pid="3" name="WSFooter">
    <vt:lpwstr>PRIVATE.LREAY.14008300.1</vt:lpwstr>
  </property>
</Properties>
</file>